
<file path=[Content_Types].xml><?xml version="1.0" encoding="utf-8"?>
<Types xmlns="http://schemas.openxmlformats.org/package/2006/content-types">
  <Override PartName="/word/footnotes.xml" ContentType="application/vnd.openxmlformats-officedocument.wordprocessingml.footnotes+xml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endnotes.xml" ContentType="application/vnd.openxmlformats-officedocument.wordprocessingml.endnotes+xml"/>
  <Override PartName="/docProps/app.xml" ContentType="application/vnd.openxmlformats-officedocument.extended-properties+xml"/>
  <Override PartName="/word/settings.xml" ContentType="application/vnd.openxmlformats-officedocument.wordprocessingml.settings+xml"/>
  <Override PartName="/word/theme/theme1.xml" ContentType="application/vnd.openxmlformats-officedocument.theme+xml"/>
  <Override PartName="/word/fontTable.xml" ContentType="application/vnd.openxmlformats-officedocument.wordprocessingml.fontTable+xml"/>
  <Override PartName="/word/webSettings.xml" ContentType="application/vnd.openxmlformats-officedocument.wordprocessingml.webSetting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body>
    <w:p w:rsidR="00011137" w:rsidRDefault="00A2415D">
      <w:pPr>
        <w:rPr>
          <w:rFonts w:ascii="Times New Roman" w:hAnsi="Times New Roman"/>
          <w:b/>
          <w:sz w:val="28"/>
        </w:rPr>
      </w:pPr>
      <w:r>
        <w:rPr>
          <w:rFonts w:ascii="Times New Roman" w:hAnsi="Times New Roman"/>
          <w:b/>
          <w:sz w:val="28"/>
        </w:rPr>
        <w:t>NAMA</w:t>
      </w:r>
      <w:r>
        <w:rPr>
          <w:rFonts w:ascii="Times New Roman" w:hAnsi="Times New Roman"/>
          <w:b/>
          <w:sz w:val="28"/>
        </w:rPr>
        <w:tab/>
        <w:t>: ADAM NUGROHO</w:t>
      </w:r>
    </w:p>
    <w:p w:rsidR="00A2415D" w:rsidRDefault="00A2415D">
      <w:pPr>
        <w:rPr>
          <w:rFonts w:ascii="Times New Roman" w:hAnsi="Times New Roman"/>
          <w:b/>
          <w:sz w:val="28"/>
        </w:rPr>
      </w:pPr>
      <w:r>
        <w:rPr>
          <w:rFonts w:ascii="Times New Roman" w:hAnsi="Times New Roman"/>
          <w:b/>
          <w:sz w:val="28"/>
        </w:rPr>
        <w:t>NPM</w:t>
      </w:r>
      <w:r>
        <w:rPr>
          <w:rFonts w:ascii="Times New Roman" w:hAnsi="Times New Roman"/>
          <w:b/>
          <w:sz w:val="28"/>
        </w:rPr>
        <w:tab/>
      </w:r>
      <w:r>
        <w:rPr>
          <w:rFonts w:ascii="Times New Roman" w:hAnsi="Times New Roman"/>
          <w:b/>
          <w:sz w:val="28"/>
        </w:rPr>
        <w:tab/>
        <w:t>: 4513210002</w:t>
      </w:r>
    </w:p>
    <w:p w:rsidR="00A2415D" w:rsidRDefault="00A2415D" w:rsidP="00A2415D">
      <w:pPr>
        <w:pBdr>
          <w:bottom w:val="single" w:sz="4" w:space="1" w:color="auto"/>
        </w:pBdr>
        <w:rPr>
          <w:rFonts w:ascii="Times New Roman" w:hAnsi="Times New Roman"/>
          <w:b/>
          <w:sz w:val="28"/>
        </w:rPr>
      </w:pPr>
      <w:r>
        <w:rPr>
          <w:rFonts w:ascii="Times New Roman" w:hAnsi="Times New Roman"/>
          <w:b/>
          <w:sz w:val="28"/>
        </w:rPr>
        <w:t>TITLE</w:t>
      </w:r>
      <w:r>
        <w:rPr>
          <w:rFonts w:ascii="Times New Roman" w:hAnsi="Times New Roman"/>
          <w:b/>
          <w:sz w:val="28"/>
        </w:rPr>
        <w:tab/>
        <w:t>: LAPORAN TUGAS 1 PRAKTIKUM PEMROGRAMAN 4</w:t>
      </w:r>
    </w:p>
    <w:p w:rsidR="00A2415D" w:rsidRDefault="00A2415D">
      <w:pPr>
        <w:rPr>
          <w:rFonts w:ascii="Times New Roman" w:hAnsi="Times New Roman"/>
          <w:b/>
          <w:sz w:val="24"/>
        </w:rPr>
      </w:pPr>
    </w:p>
    <w:p w:rsidR="00A2415D" w:rsidRDefault="00A2415D" w:rsidP="00A2415D">
      <w:pPr>
        <w:pStyle w:val="ListParagraph"/>
        <w:numPr>
          <w:ilvl w:val="0"/>
          <w:numId w:val="1"/>
        </w:numPr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>Membuat apliaksi project java web menggunakan maven</w:t>
      </w:r>
    </w:p>
    <w:p w:rsidR="00A2415D" w:rsidRDefault="00A2415D" w:rsidP="00A2415D">
      <w:pPr>
        <w:ind w:left="720"/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Pom.xml</w:t>
      </w:r>
    </w:p>
    <w:tbl>
      <w:tblPr>
        <w:tblStyle w:val="TableGrid"/>
        <w:tblW w:w="0" w:type="auto"/>
        <w:tblLook w:val="04A0"/>
      </w:tblPr>
      <w:tblGrid>
        <w:gridCol w:w="8666"/>
      </w:tblGrid>
      <w:tr w:rsidR="00A2415D" w:rsidTr="0010345A">
        <w:tc>
          <w:tcPr>
            <w:tcW w:w="8522" w:type="dxa"/>
          </w:tcPr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>&lt;?xml version="1.0" encoding="UTF-8"?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>&lt;project xmlns="http://maven.apache.org/POM/4.0.0" xmlns:xsi="http://www.w3.org/2001/XMLSchema-instance" xsi:schemaLocation="http://maven.apache.org/POM/4.0.0 http://maven.apache.org/xsd/maven-4.0.0.xsd"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modelVersion&gt;4.0.0&lt;/model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groupId&gt;com.mycompany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artifactId&gt;Praktikum-1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version&gt;1.0-SNAPSHOT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packaging&gt;war&lt;/packaging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name&gt;Praktikum-1&lt;/nam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propert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endorsed.dir&gt;${project.build.directory}/endorsed&lt;/endorsed.dir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project.build.sourceEncoding&gt;UTF-8&lt;/project.build.sourceEncoding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propert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dependenc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dependenc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groupId&gt;javax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artifactId&gt;javaee-web-api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version&gt;7.0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scope&gt;provided&lt;/scop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/dependenc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dependencie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buil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plugi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compiler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3.1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source&gt;1.7&lt;/sourc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target&gt;1.7&lt;/target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compilerArgument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endorseddirs&gt;${endorsed.dir}&lt;/endorseddir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lastRenderedPageBreak/>
              <w:t xml:space="preserve">                    &lt;/compilerArgument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war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2.3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failOnMissingWebXml&gt;false&lt;/failOnMissingWebXml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groupId&gt;org.apache.maven.plugins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artifactId&gt;maven-dependency-plugin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version&gt;2.6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executio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execu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phase&gt;validate&lt;/phas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goal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goal&gt;copy&lt;/goal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/goal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outputDirectory&gt;${endorsed.dir}&lt;/outputDirectory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silent&gt;true&lt;/silent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artifactItem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&lt;artifactItem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groupId&gt;javax&lt;/group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artifactId&gt;javaee-endorsed-api&lt;/artifactI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version&gt;7.0&lt;/vers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    &lt;type&gt;jar&lt;/type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    &lt;/artifactItem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    &lt;/artifactItem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    &lt;/configura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    &lt;/executio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    &lt;/executio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    &lt;/plugin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    &lt;/plugins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  <w:r w:rsidRPr="00A2415D">
              <w:rPr>
                <w:rFonts w:ascii="Courier New" w:hAnsi="Courier New"/>
              </w:rPr>
              <w:t xml:space="preserve">    &lt;/build&gt;</w:t>
            </w:r>
          </w:p>
          <w:p w:rsidR="00A2415D" w:rsidRPr="00A2415D" w:rsidRDefault="00A2415D" w:rsidP="00A2415D">
            <w:pPr>
              <w:rPr>
                <w:rFonts w:ascii="Courier New" w:hAnsi="Courier New"/>
              </w:rPr>
            </w:pPr>
          </w:p>
          <w:p w:rsidR="00A2415D" w:rsidRDefault="00A2415D" w:rsidP="00A2415D">
            <w:pPr>
              <w:rPr>
                <w:rFonts w:ascii="Times New Roman" w:hAnsi="Times New Roman"/>
                <w:sz w:val="24"/>
              </w:rPr>
            </w:pPr>
            <w:r w:rsidRPr="00A2415D">
              <w:rPr>
                <w:rFonts w:ascii="Courier New" w:hAnsi="Courier New"/>
              </w:rPr>
              <w:t>&lt;/project&gt;</w:t>
            </w:r>
          </w:p>
        </w:tc>
      </w:tr>
    </w:tbl>
    <w:p w:rsidR="00A2415D" w:rsidRPr="00A2415D" w:rsidRDefault="00A2415D" w:rsidP="00A2415D">
      <w:pPr>
        <w:ind w:left="720"/>
        <w:rPr>
          <w:rFonts w:ascii="Times New Roman" w:hAnsi="Times New Roman"/>
          <w:sz w:val="24"/>
        </w:rPr>
      </w:pPr>
    </w:p>
    <w:p w:rsidR="00A2415D" w:rsidRDefault="00A2415D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sz w:val="24"/>
        </w:rPr>
        <w:tab/>
      </w:r>
      <w:r>
        <w:rPr>
          <w:rFonts w:ascii="Times New Roman" w:hAnsi="Times New Roman"/>
          <w:b/>
          <w:sz w:val="24"/>
        </w:rPr>
        <w:t>Coba.html</w:t>
      </w:r>
    </w:p>
    <w:tbl>
      <w:tblPr>
        <w:tblStyle w:val="TableGrid"/>
        <w:tblW w:w="0" w:type="auto"/>
        <w:tblLook w:val="04A0"/>
      </w:tblPr>
      <w:tblGrid>
        <w:gridCol w:w="9242"/>
      </w:tblGrid>
      <w:tr w:rsidR="0010345A" w:rsidTr="0010345A">
        <w:tc>
          <w:tcPr>
            <w:tcW w:w="9242" w:type="dxa"/>
          </w:tcPr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&lt;!DOCTYPE html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&lt;html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head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&lt;title&gt;tugas 1_Pemrograman 4&lt;/title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&lt;meta http-equiv="Content-Type" content="text/html; charset=UTF-8"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/head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body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lastRenderedPageBreak/>
              <w:t xml:space="preserve">        &lt;h1&gt;Hello, ini jawaban Prak1&lt;/h1&gt;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&lt;/body&gt;</w:t>
            </w:r>
          </w:p>
          <w:p w:rsidR="0010345A" w:rsidRDefault="0010345A" w:rsidP="0010345A">
            <w:pPr>
              <w:rPr>
                <w:rFonts w:ascii="Times New Roman" w:hAnsi="Times New Roman"/>
                <w:sz w:val="24"/>
              </w:rPr>
            </w:pPr>
            <w:r w:rsidRPr="0010345A">
              <w:rPr>
                <w:rFonts w:ascii="Courier New" w:hAnsi="Courier New"/>
              </w:rPr>
              <w:t>&lt;/html&gt;</w:t>
            </w:r>
          </w:p>
        </w:tc>
      </w:tr>
    </w:tbl>
    <w:p w:rsidR="00A2415D" w:rsidRDefault="00A2415D">
      <w:pPr>
        <w:rPr>
          <w:rFonts w:ascii="Times New Roman" w:hAnsi="Times New Roman"/>
          <w:sz w:val="24"/>
        </w:rPr>
      </w:pPr>
    </w:p>
    <w:p w:rsidR="0010345A" w:rsidRDefault="0010345A">
      <w:pPr>
        <w:rPr>
          <w:rFonts w:ascii="Times New Roman" w:hAnsi="Times New Roman"/>
          <w:sz w:val="24"/>
        </w:rPr>
      </w:pPr>
    </w:p>
    <w:p w:rsidR="0010345A" w:rsidRDefault="0010345A">
      <w:pPr>
        <w:rPr>
          <w:rFonts w:ascii="Times New Roman" w:hAnsi="Times New Roman"/>
          <w:sz w:val="24"/>
        </w:rPr>
      </w:pPr>
      <w:r>
        <w:rPr>
          <w:rFonts w:ascii="Times New Roman" w:hAnsi="Times New Roman"/>
          <w:noProof/>
          <w:sz w:val="24"/>
        </w:rPr>
        <w:drawing>
          <wp:inline distT="0" distB="0" distL="0" distR="0">
            <wp:extent cx="5731510" cy="3222625"/>
            <wp:effectExtent l="19050" t="0" r="2540" b="0"/>
            <wp:docPr id="1" name="Picture 0" descr="screenshot-halo-45132100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screenshot-halo-4513210002.png"/>
                    <pic:cNvPicPr/>
                  </pic:nvPicPr>
                  <pic:blipFill>
                    <a:blip r:embed="rId7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22262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10345A" w:rsidRDefault="0010345A">
      <w:pPr>
        <w:rPr>
          <w:rFonts w:ascii="Times New Roman" w:hAnsi="Times New Roman"/>
          <w:sz w:val="24"/>
        </w:rPr>
      </w:pPr>
    </w:p>
    <w:tbl>
      <w:tblPr>
        <w:tblStyle w:val="TableGrid"/>
        <w:tblW w:w="0" w:type="auto"/>
        <w:tblLook w:val="04A0"/>
      </w:tblPr>
      <w:tblGrid>
        <w:gridCol w:w="9242"/>
      </w:tblGrid>
      <w:tr w:rsidR="0010345A" w:rsidTr="0010345A">
        <w:tc>
          <w:tcPr>
            <w:tcW w:w="9242" w:type="dxa"/>
          </w:tcPr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d D:\ADAM NUGROHO\KULIAH\KULIAH SEMESTER 6\Pemrograman 4\Tugas\Tugas 1\Praktikum-1; "JAVA_HOME=C:\\Program Files (x86)\\Java\\jdk1.8.0_20" cmd /c "\"\"C:\\Program Files (x86)\\NetBeans 8.0.2\\java\\maven\\bin\\mvn.bat\" -Dnetbeans.deploy=true -Dnetbeans.deploy.clientUrlPart=/coba.html -Dmaven.ext.class.path=\"C:\\Program Files (x86)\\NetBeans 8.0.2\\java\\maven-nblib\\netbeans-eventspy.jar\" -Dfile.encoding=UTF-8 package\""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Scanning for projects..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ing Praktikum-1 1.0-SNAPSHOT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dependency-plugin:2.6:copy (default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[debug] execute contextualiz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sing 'UTF-8' encoding to copy filtered resources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opying 0 resourc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compiler-plugin:3.1:compile (default-compile) @ Praktikum-</w:t>
            </w:r>
            <w:r w:rsidRPr="0010345A">
              <w:rPr>
                <w:rFonts w:ascii="Courier New" w:hAnsi="Courier New"/>
              </w:rPr>
              <w:lastRenderedPageBreak/>
              <w:t>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othing to compile - all classes are up to dat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resources-plugin:2.5:testResources (default-testResources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[debug] execute contextualiz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sing 'UTF-8' encoding to copy filtered resources.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skip non existing resourceDirectory D:\ADAM NUGROHO\KULIAH\KULIAH SEMESTER 6\Pemrograman 4\Tugas\Tugas 1\Praktikum-1\src\test\resource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o sources to compil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surefire-plugin:2.10:test (default-test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Surefire report directory: D:\ADAM NUGROHO\KULIAH\KULIAH SEMESTER 6\Pemrograman 4\Tugas\Tugas 1\Praktikum-1\target\surefire-report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T E S T 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Results :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Tests run: 0, Failures: 0, Errors: 0, Skipped: 0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 maven-war-plugin:2.3:war (default-war) @ Praktikum-1 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Packaging webapp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Assembling webapp [Praktikum-1] in [D:\ADAM NUGROHO\KULIAH\KULIAH SEMESTER 6\Pemrograman 4\Tugas\Tugas 1\Praktikum-1\target\Praktikum-1-1.0-SNAPSHOT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Processing war project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Copying webapp resources [D:\ADAM NUGROHO\KULIAH\KULIAH SEMESTER 6\Pemrograman 4\Tugas\Tugas 1\Praktikum-1\src\main\webapp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Webapp assembled in [30 msecs]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ing war: D:\ADAM NUGROHO\KULIAH\KULIAH SEMESTER 6\Pemrograman 4\Tugas\Tugas 1\Praktikum-1\target\Praktikum-1-1.0-SNAPSHOT.war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BUILD SUCCES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Total time: 3.802s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Finished at: Fri Apr 01 16:16:18 ICT 2016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Final Memory: 9M/21M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NetBeans: Deploying on GlassFish Server 4.1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profile mode: fals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debug mode: fals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 xml:space="preserve">    force redeploy: true</w:t>
            </w:r>
          </w:p>
          <w:p w:rsidR="0010345A" w:rsidRPr="0010345A" w:rsidRDefault="0010345A" w:rsidP="0010345A">
            <w:pPr>
              <w:rPr>
                <w:rFonts w:ascii="Courier New" w:hAnsi="Courier New"/>
              </w:rPr>
            </w:pPr>
            <w:r w:rsidRPr="0010345A">
              <w:rPr>
                <w:rFonts w:ascii="Courier New" w:hAnsi="Courier New"/>
              </w:rPr>
              <w:t>Undeploying ...</w:t>
            </w:r>
          </w:p>
          <w:p w:rsidR="0010345A" w:rsidRDefault="0010345A" w:rsidP="0010345A">
            <w:pPr>
              <w:rPr>
                <w:rFonts w:ascii="Times New Roman" w:hAnsi="Times New Roman"/>
                <w:sz w:val="24"/>
              </w:rPr>
            </w:pPr>
            <w:r w:rsidRPr="0010345A">
              <w:rPr>
                <w:rFonts w:ascii="Courier New" w:hAnsi="Courier New"/>
              </w:rPr>
              <w:t xml:space="preserve">In-place deployment at D:\ADAM NUGROHO\KULIAH\KULIAH SEMESTER </w:t>
            </w:r>
            <w:r w:rsidRPr="0010345A">
              <w:rPr>
                <w:rFonts w:ascii="Courier New" w:hAnsi="Courier New"/>
              </w:rPr>
              <w:lastRenderedPageBreak/>
              <w:t>6\Pemrograman 4\Tugas\Tugas 1\Praktikum-1\target\Praktikum-1-1.0-SNAPSHOT</w:t>
            </w:r>
          </w:p>
        </w:tc>
      </w:tr>
    </w:tbl>
    <w:p w:rsidR="0010345A" w:rsidRDefault="0010345A">
      <w:pPr>
        <w:rPr>
          <w:rFonts w:ascii="Times New Roman" w:hAnsi="Times New Roman"/>
          <w:sz w:val="24"/>
        </w:rPr>
      </w:pPr>
    </w:p>
    <w:p w:rsidR="0010345A" w:rsidRDefault="0010345A" w:rsidP="0010345A">
      <w:pPr>
        <w:pStyle w:val="ListParagraph"/>
        <w:numPr>
          <w:ilvl w:val="0"/>
          <w:numId w:val="1"/>
        </w:numPr>
        <w:rPr>
          <w:rFonts w:ascii="Times New Roman" w:hAnsi="Times New Roman"/>
          <w:sz w:val="24"/>
        </w:rPr>
      </w:pPr>
      <w:r>
        <w:rPr>
          <w:rFonts w:ascii="Times New Roman" w:hAnsi="Times New Roman"/>
          <w:sz w:val="24"/>
        </w:rPr>
        <w:t xml:space="preserve">Membuat java servlet dengan mengkonversi huruf kapital </w:t>
      </w:r>
    </w:p>
    <w:p w:rsidR="0010345A" w:rsidRDefault="0010345A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Prak1_servlet.java</w:t>
      </w:r>
    </w:p>
    <w:tbl>
      <w:tblPr>
        <w:tblStyle w:val="TableGrid"/>
        <w:tblW w:w="0" w:type="auto"/>
        <w:tblLook w:val="04A0"/>
      </w:tblPr>
      <w:tblGrid>
        <w:gridCol w:w="9242"/>
      </w:tblGrid>
      <w:tr w:rsidR="0010345A" w:rsidTr="0010345A">
        <w:tc>
          <w:tcPr>
            <w:tcW w:w="9242" w:type="dxa"/>
          </w:tcPr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/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To change this license header, choose License Headers in Project Properties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To change this template file, choose Tools | Template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and open the template in the editor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.io.IOException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.io.PrintWriter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ServletException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annotation.WebServle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Reques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import javax.servlet.http.HttpServletResponse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 @author ADAM01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@WebServlet(urlPatterns = {"/Prak1_servlet"}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>public class Prak1_servlet extends HttpServlet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Processes requests for both HTTP &lt;code&gt;GET&lt;/code&gt; and &lt;code&gt;POST&lt;/code&g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methods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processReques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response.setContentType("text/html;charset=UTF-8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try (PrintWriter out = response.getWriter())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/* TODO output your page here. You may use following sample code.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!DOCTYPE 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head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title&gt;Servlet MyFirstServlet&lt;/title&gt;");            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/head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            String Kalimat = "halo adam"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"+Kalimat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lastRenderedPageBreak/>
              <w:t xml:space="preserve">                    //  Mengubah isi String menjadi huruf besar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            String besarA = Kalimat.toUpperCase(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"+besarA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out.println("&lt;/html&gt;"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/ &lt;editor-fold defaultstate="collapsed" desc="HttpServlet methods. Click on the + sign on the left to edit the code."&gt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Handles the HTTP &lt;code&gt;GET&lt;/code&gt; method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doGe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processRequest(request, response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Handles the HTTP &lt;code&gt;POST&lt;/code&gt; method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quest servlet request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param response servlet respons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ServletException if a servlet-specific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throws IOException if an I/O error occurs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rotected void doPost(HttpServletRequest request, HttpServletResponse response)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    throws ServletException, IOException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processRequest(request, response)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/*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Returns a short description of the servlet.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 @return a String containing servlet description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*/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@Override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public String getServletInfo() {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    return "Short description";</w:t>
            </w:r>
          </w:p>
          <w:p w:rsidR="0010345A" w:rsidRPr="00980333" w:rsidRDefault="0010345A" w:rsidP="0010345A">
            <w:pPr>
              <w:rPr>
                <w:rFonts w:ascii="Courier New" w:hAnsi="Courier New"/>
                <w:b/>
              </w:rPr>
            </w:pPr>
            <w:r w:rsidRPr="00980333">
              <w:rPr>
                <w:rFonts w:ascii="Courier New" w:hAnsi="Courier New"/>
                <w:b/>
              </w:rPr>
              <w:t xml:space="preserve">    }// &lt;/editor-fold&gt;</w:t>
            </w:r>
          </w:p>
          <w:p w:rsidR="0010345A" w:rsidRDefault="0010345A" w:rsidP="0010345A">
            <w:pPr>
              <w:rPr>
                <w:rFonts w:ascii="Times New Roman" w:hAnsi="Times New Roman"/>
                <w:b/>
                <w:sz w:val="24"/>
              </w:rPr>
            </w:pPr>
            <w:r w:rsidRPr="00980333">
              <w:rPr>
                <w:rFonts w:ascii="Courier New" w:hAnsi="Courier New"/>
                <w:b/>
              </w:rPr>
              <w:t>}</w:t>
            </w:r>
          </w:p>
        </w:tc>
      </w:tr>
    </w:tbl>
    <w:p w:rsidR="0010345A" w:rsidRDefault="0010345A" w:rsidP="0010345A">
      <w:pPr>
        <w:rPr>
          <w:rFonts w:ascii="Times New Roman" w:hAnsi="Times New Roman"/>
          <w:b/>
          <w:sz w:val="24"/>
        </w:rPr>
      </w:pPr>
    </w:p>
    <w:p w:rsidR="00980333" w:rsidRDefault="00980333" w:rsidP="0010345A">
      <w:pPr>
        <w:rPr>
          <w:rFonts w:ascii="Times New Roman" w:hAnsi="Times New Roman"/>
          <w:b/>
          <w:sz w:val="24"/>
        </w:rPr>
      </w:pPr>
    </w:p>
    <w:p w:rsidR="00980333" w:rsidRDefault="00980333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noProof/>
          <w:sz w:val="24"/>
        </w:rPr>
        <w:lastRenderedPageBreak/>
        <w:drawing>
          <wp:inline distT="0" distB="0" distL="0" distR="0">
            <wp:extent cx="5730703" cy="3331029"/>
            <wp:effectExtent l="19050" t="0" r="3347" b="0"/>
            <wp:docPr id="2" name="Picture 1" descr="screenshot-haloADAM-451321000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screenshot-haloADAM-4513210002.png"/>
                    <pic:cNvPicPr/>
                  </pic:nvPicPr>
                  <pic:blipFill>
                    <a:blip r:embed="rId8"/>
                    <a:stretch>
                      <a:fillRect/>
                    </a:stretch>
                  </pic:blipFill>
                  <pic:spPr>
                    <a:xfrm>
                      <a:off x="0" y="0"/>
                      <a:ext cx="5731510" cy="333149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:rsidR="00980333" w:rsidRDefault="00980333" w:rsidP="0010345A">
      <w:pPr>
        <w:rPr>
          <w:rFonts w:ascii="Times New Roman" w:hAnsi="Times New Roman"/>
          <w:b/>
          <w:sz w:val="24"/>
        </w:rPr>
      </w:pPr>
    </w:p>
    <w:p w:rsidR="00321948" w:rsidRDefault="00321948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t>Deploy file</w:t>
      </w:r>
    </w:p>
    <w:tbl>
      <w:tblPr>
        <w:tblStyle w:val="TableGrid"/>
        <w:tblW w:w="0" w:type="auto"/>
        <w:tblLook w:val="04A0"/>
      </w:tblPr>
      <w:tblGrid>
        <w:gridCol w:w="9242"/>
      </w:tblGrid>
      <w:tr w:rsidR="00321948" w:rsidTr="00321948">
        <w:tc>
          <w:tcPr>
            <w:tcW w:w="9242" w:type="dxa"/>
          </w:tcPr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d D:\ADAM NUGROHO\KULIAH\KULIAH SEMESTER 6\Pemrograman 4\Tugas\Tugas 1\Praktikum-1; "JAVA_HOME=C:\\Program Files (x86)\\Java\\jdk1.8.0_20" cmd /c "\"\"C:\\Program Files (x86)\\NetBeans 8.0.2\\java\\maven\\bin\\mvn.bat\" -Dnetbeans.deploy=true -Dnetbeans.deploy.clientUrlPart=/index.html -Dmaven.ext.class.path=\"C:\\Program Files (x86)\\NetBeans 8.0.2\\java\\maven-nblib\\netbeans-eventspy.jar\" -Dfile.encoding=UTF-8 package\""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canning for projects..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ing Praktikum-1 1.0-SNAPSHOT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dependency-plugin:2.6:copy (default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[debug] execute contextualiz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Using 'UTF-8' encoding to copy filtered resources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opying 0 resourc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compiler-plugin:3.1:compile (default-compile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othing to compile - all classes are up to dat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--- maven-resources-plugin:2.5:testResources (default-testResources) </w:t>
            </w:r>
            <w:r w:rsidRPr="00321948">
              <w:rPr>
                <w:rFonts w:ascii="Courier New" w:hAnsi="Courier New"/>
              </w:rPr>
              <w:lastRenderedPageBreak/>
              <w:t>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[debug] execute contextualiz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Using 'UTF-8' encoding to copy filtered resources.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kip non existing resourceDirectory D:\ADAM NUGROHO\KULIAH\KULIAH SEMESTER 6\Pemrograman 4\Tugas\Tugas 1\Praktikum-1\src\test\resource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o sources to compil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surefire-plugin:2.10:test (default-test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urefire report directory: D:\ADAM NUGROHO\KULIAH\KULIAH SEMESTER 6\Pemrograman 4\Tugas\Tugas 1\Praktikum-1\target\surefire-report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T E S T 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Results :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Tests run: 0, Failures: 0, Errors: 0, Skipped: 0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 maven-war-plugin:2.3:war (default-war) @ Praktikum-1 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Packaging webapp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Assembling webapp [Praktikum-1] in [D:\ADAM NUGROHO\KULIAH\KULIAH SEMESTER 6\Pemrograman 4\Tugas\Tugas 1\Praktikum-1\target\Praktikum-1-1.0-SNAPSHOT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Processing war project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Copying webapp resources [D:\ADAM NUGROHO\KULIAH\KULIAH SEMESTER 6\Pemrograman 4\Tugas\Tugas 1\Praktikum-1\src\main\webapp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Webapp assembled in [31 msecs]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ing war: D:\ADAM NUGROHO\KULIAH\KULIAH SEMESTER 6\Pemrograman 4\Tugas\Tugas 1\Praktikum-1\target\Praktikum-1-1.0-SNAPSHOT.war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BUILD SUCCES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Total time: 2.277s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Finished at: Fri Apr 01 15:32:14 ICT 2016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Final Memory: 9M/21M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NetBeans: Deploying on GlassFish Server 4.1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profile mode: fals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debug mode: fals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 xml:space="preserve">    force redeploy: true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Starting GlassFish Server 4.1</w:t>
            </w:r>
          </w:p>
          <w:p w:rsidR="00321948" w:rsidRPr="00321948" w:rsidRDefault="00321948" w:rsidP="00321948">
            <w:pPr>
              <w:rPr>
                <w:rFonts w:ascii="Courier New" w:hAnsi="Courier New"/>
              </w:rPr>
            </w:pPr>
            <w:r w:rsidRPr="00321948">
              <w:rPr>
                <w:rFonts w:ascii="Courier New" w:hAnsi="Courier New"/>
              </w:rPr>
              <w:t>GlassFish Server 4.1 is running.</w:t>
            </w:r>
          </w:p>
          <w:p w:rsidR="00321948" w:rsidRDefault="00321948" w:rsidP="00321948">
            <w:pPr>
              <w:rPr>
                <w:rFonts w:ascii="Times New Roman" w:hAnsi="Times New Roman"/>
                <w:sz w:val="24"/>
              </w:rPr>
            </w:pPr>
            <w:r w:rsidRPr="00321948">
              <w:rPr>
                <w:rFonts w:ascii="Courier New" w:hAnsi="Courier New"/>
              </w:rPr>
              <w:t>In-place deployment at D:\ADAM NUGROHO\KULIAH\KULIAH SEMESTER 6\Pemrograman 4\Tugas\Tugas 1\Praktikum-1\target\Praktikum-1-1.0-SNAPSHOT</w:t>
            </w:r>
          </w:p>
        </w:tc>
      </w:tr>
    </w:tbl>
    <w:p w:rsidR="00321948" w:rsidRPr="00321948" w:rsidRDefault="00321948" w:rsidP="0010345A">
      <w:pPr>
        <w:rPr>
          <w:rFonts w:ascii="Times New Roman" w:hAnsi="Times New Roman"/>
          <w:sz w:val="24"/>
        </w:rPr>
      </w:pPr>
    </w:p>
    <w:p w:rsidR="00980333" w:rsidRDefault="00321948" w:rsidP="0010345A">
      <w:pPr>
        <w:rPr>
          <w:rFonts w:ascii="Times New Roman" w:hAnsi="Times New Roman"/>
          <w:b/>
          <w:sz w:val="24"/>
        </w:rPr>
      </w:pPr>
      <w:r>
        <w:rPr>
          <w:rFonts w:ascii="Times New Roman" w:hAnsi="Times New Roman"/>
          <w:b/>
          <w:sz w:val="24"/>
        </w:rPr>
        <w:lastRenderedPageBreak/>
        <w:t>U</w:t>
      </w:r>
      <w:r w:rsidR="00980333">
        <w:rPr>
          <w:rFonts w:ascii="Times New Roman" w:hAnsi="Times New Roman"/>
          <w:b/>
          <w:sz w:val="24"/>
        </w:rPr>
        <w:t>ndeploy log file</w:t>
      </w:r>
    </w:p>
    <w:tbl>
      <w:tblPr>
        <w:tblStyle w:val="TableGrid"/>
        <w:tblW w:w="0" w:type="auto"/>
        <w:tblLook w:val="04A0"/>
      </w:tblPr>
      <w:tblGrid>
        <w:gridCol w:w="9242"/>
      </w:tblGrid>
      <w:tr w:rsidR="00980333" w:rsidTr="00980333">
        <w:tc>
          <w:tcPr>
            <w:tcW w:w="9242" w:type="dxa"/>
          </w:tcPr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d D:\ADAM NUGROHO\KULIAH\KULIAH SEMESTER 6\Pemrograman 4\Tugas\Tugas 1\Praktikum-1; "JAVA_HOME=C:\\Program Files (x86)\\Java\\jdk1.8.0_20" cmd /c "\"\"C:\\Program Files (x86)\\NetBeans 8.0.2\\java\\maven\\bin\\mvn.bat\" -Dnetbeans.deploy=true -Dnetbeans.deploy.clientUrlPart=/Prak1_servlet -Dmaven.ext.class.path=\"C:\\Program Files (x86)\\NetBeans 8.0.2\\java\\maven-nblib\\netbeans-eventspy.jar\" -Dfile.encoding=UTF-8 package\""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Scanning for projects..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                                            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Building Praktikum-1 1.0-SNAPSHO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dependency-plugin:2.6:copy (default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resources-plugin:2.5:resources (default-resources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debug] execute contextualiz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Using 'UTF-8' encoding to copy filtered resources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opying 0 resourc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compiler-plugin:3.1:compile (default-compile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hanges detected - recompiling the module!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ompiling 1 source file to D:\ADAM NUGROHO\KULIAH\KULIAH SEMESTER 6\Pemrograman 4\Tugas\Tugas 1\Praktikum-1\target\classe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resources-plugin:2.5:testResources (default-testResources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debug] execute contextualiz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Using 'UTF-8' encoding to copy filtered resources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skip non existing resourceDirectory D:\ADAM NUGROHO\KULIAH\KULIAH SEMESTER 6\Pemrograman 4\Tugas\Tugas 1\Praktikum-1\src\test\resource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compiler-plugin:3.1:testCompile (default-testCompile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No sources to compil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surefire-plugin:2.10:test (default-test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Surefire report directory: D:\ADAM NUGROHO\KULIAH\KULIAH SEMESTER 6\Pemrograman 4\Tugas\Tugas 1\Praktikum-1\target\surefire-report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T E S T 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Results :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Tests run: 0, Failures: 0, Errors: 0, Skipped: 0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 maven-war-plugin:2.3:war (default-war) @ Praktikum-1 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Packaging webapp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Assembling webapp [Praktikum-1] in [D:\ADAM NUGROHO\KULIAH\KULIAH SEMESTER 6\Pemrograman 4\Tugas\Tugas 1\Praktikum-1\target\Praktikum-1-1.0-SNAPSHO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Processing war proje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opying webapp resources [D:\ADAM NUGROHO\KULIAH\KULIAH SEMESTER 6\Pemrograman 4\Tugas\Tugas 1\Praktikum-1\src\main\webapp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ebapp assembled in [31 msec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Building war: D:\ADAM NUGROHO\KULIAH\KULIAH SEMESTER 6\Pemrograman 4\Tugas\Tugas 1\Praktikum-1\target\Praktikum-1-1.0-SNAPSHOT.w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BUILD SUCCES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Total time: 7.239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Finished at: Fri Apr 01 15:41:37 ICT 201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Final Memory: 13M/33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NetBeans: Deploying on GlassFish Server 4.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profile mode: fal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debug mode: fal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force redeploy: 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Undeploying ...</w:t>
            </w:r>
          </w:p>
          <w:p w:rsidR="00980333" w:rsidRDefault="00980333" w:rsidP="00980333">
            <w:pPr>
              <w:rPr>
                <w:rFonts w:ascii="Times New Roman" w:hAnsi="Times New Roman"/>
                <w:sz w:val="24"/>
              </w:rPr>
            </w:pPr>
            <w:r w:rsidRPr="00980333">
              <w:rPr>
                <w:rFonts w:ascii="Courier New" w:hAnsi="Courier New"/>
              </w:rPr>
              <w:t>In-place deployment at D:\ADAM NUGROHO\KULIAH\KULIAH SEMESTER 6\Pemrograman 4\Tugas\Tugas 1\Praktikum-1\target\Praktikum-1-1.0-SNAPSHOT</w:t>
            </w:r>
          </w:p>
        </w:tc>
      </w:tr>
      <w:tr w:rsidR="00980333" w:rsidTr="00980333">
        <w:tc>
          <w:tcPr>
            <w:tcW w:w="9242" w:type="dxa"/>
          </w:tcPr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-------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&gt;Log Session: Friday, April 1, 2016 3:21:22 PM I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&gt;System Info: 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Product Version         = NetBeans IDE 8.0.2 (Build 201411181905) (#8230772f5f1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Operating System        = Windows 7 version 6.1 running on x8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Java; VM; Vendor        = 1.8.0_20; Java HotSpot(TM) Client VM 25.20-b23; Oracle Corporati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Runtime                 = Java(TM) SE Runtime Environment 1.8.0_20-b2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Java Home               = C:\Program Files (x86)\Java\jdk1.8.0_20\jr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System Locale; Encoding = en_US (nb); Cp125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Home Directory          = C:\Users\ADAM0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Current Directory       = C:\Program Files (x86)\NetBeans 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User Directory          = C:\Users\ADAM01\AppData\Roaming\NetBeans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Cache Directory         = C:\Users\ADAM01\AppData\Local\NetBeans\Cache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Installation            = C:\Program Files (x86)\NetBeans 8.0.2\n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rgonomic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</w:t>
            </w:r>
            <w:r w:rsidRPr="00980333">
              <w:rPr>
                <w:rFonts w:ascii="Courier New" w:hAnsi="Courier New"/>
              </w:rPr>
              <w:lastRenderedPageBreak/>
              <w:t>8.0.2\i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xti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apisuppor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webcomm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websvccomm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enterpri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mobility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rofile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hp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harnes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cn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dligh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groovy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car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javafx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                          C:\Program Files (x86)\NetBeans 8.0.2\platfor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Boot &amp; Ext. Classpath   = C:\Program Files (x86)\Java\jdk1.8.0_20\jre\lib\resources.jar;C:\Program Files (x86)\Java\jdk1.8.0_20\jre\lib\rt.jar;C:\Program Files (x86)\Java\jdk1.8.0_20\jre\lib\sunrsasign.jar;C:\Program Files (x86)\Java\jdk1.8.0_20\jre\lib\jsse.jar;C:\Program Files (x86)\Java\jdk1.8.0_20\jre\lib\jce.jar;C:\Program Files (x86)\Java\jdk1.8.0_20\jre\lib\charsets.jar;C:\Program Files (x86)\Java\jdk1.8.0_20\jre\lib\jfr.jar;C:\Program Files (x86)\Java\jdk1.8.0_20\jre\classes;C:\Program Files (x86)\Java\jdk1.8.0_20\jre\lib\ext\access-bridge-32.jar;C:\Program Files (x86)\Java\jdk1.8.0_20\jre\lib\ext\cldrdata.jar;C:\Program Files (x86)\Java\jdk1.8.0_20\jre\lib\ext\dnsns.jar;C:\Program Files (x86)\Java\jdk1.8.0_20\jre\lib\ext\jaccess.jar;C:\Program Files (x86)\Java\jdk1.8.0_20\jre\lib\ext\jfxrt.jar;C:\Program Files (x86)\Java\jdk1.8.0_20\jre\lib\ext\localedata.jar;C:\Program Files (x86)\Java\jdk1.8.0_20\jre\lib\ext\mysql-connector-java-5.1.23-bin.jar;C:\Program Files (x86)\Java\jdk1.8.0_20\jre\lib\ext\nashorn.jar;C:\Program Files (x86)\Java\jdk1.8.0_20\jre\lib\ext\sunec.jar;C:\Program Files (x86)\Java\jdk1.8.0_20\jre\lib\ext\sunjce_provider.jar;C:\Program Files (x86)\Java\jdk1.8.0_20\jre\lib\ext\sunmscapi.jar;C:\Program Files (x86)\Java\jdk1.8.0_20\jre\lib\ext\sunpkcs11.jar;C:\Program </w:t>
            </w:r>
            <w:r w:rsidRPr="00980333">
              <w:rPr>
                <w:rFonts w:ascii="Courier New" w:hAnsi="Courier New"/>
              </w:rPr>
              <w:lastRenderedPageBreak/>
              <w:t>Files (x86)\Java\jdk1.8.0_20\jre\lib\ext\zipfs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Application Classpath   = C:\Program Files (x86)\NetBeans 8.0.2\platform\lib\boot.jar;C:\Program Files (x86)\NetBeans 8.0.2\platform\lib\org-openide-modules.jar;C:\Program Files (x86)\NetBeans 8.0.2\platform\lib\org-openide-util-lookup.jar;C:\Program Files (x86)\NetBeans 8.0.2\platform\lib\org-openide-util.jar;C:\Program Files (x86)\NetBeans 8.0.2\platform\lib\locale\boot_ja.jar;C:\Program Files (x86)\NetBeans 8.0.2\platform\lib\locale\boot_pt_BR.jar;C:\Program Files (x86)\NetBeans 8.0.2\platform\lib\locale\boot_ru.jar;C:\Program Files (x86)\NetBeans 8.0.2\platform\lib\locale\boot_zh_CN.jar;C:\Program Files (x86)\NetBeans 8.0.2\platform\lib\locale\org-openide-modules_ja.jar;C:\Program Files (x86)\NetBeans 8.0.2\platform\lib\locale\org-openide-modules_pt_BR.jar;C:\Program Files (x86)\NetBeans 8.0.2\platform\lib\locale\org-openide-modules_ru.jar;C:\Program Files (x86)\NetBeans 8.0.2\platform\lib\locale\org-openide-modules_zh_CN.jar;C:\Program Files (x86)\NetBeans 8.0.2\platform\lib\locale\org-openide-util-lookup_ja.jar;C:\Program Files (x86)\NetBeans 8.0.2\platform\lib\locale\org-openide-util-lookup_pt_BR.jar;C:\Program Files (x86)\NetBeans 8.0.2\platform\lib\locale\org-openide-util-lookup_ru.jar;C:\Program Files (x86)\NetBeans 8.0.2\platform\lib\locale\org-openide-util-lookup_zh_CN.jar;C:\Program Files (x86)\NetBeans 8.0.2\platform\lib\locale\org-openide-util_ja.jar;C:\Program Files (x86)\NetBeans 8.0.2\platform\lib\locale\org-openide-util_pt_BR.jar;C:\Program Files (x86)\NetBeans 8.0.2\platform\lib\locale\org-openide-util_ru.jar;C:\Program Files (x86)\NetBeans 8.0.2\platform\lib\locale\org-openide-util_zh_CN.jar;C:\Program Files (x86)\Java\jdk1.8.0_20\lib\dt.jar;C:\Program Files (x86)\Java\jdk1.8.0_20\lib\tools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  Startup Classpath       = C:\Program Files (x86)\NetBeans 8.0.2\platform\core\core.jar;C:\Program Files (x86)\NetBeans 8.0.2\platform\core\org-openide-filesystems.jar;C:\Program Files (x86)\NetBeans 8.0.2\platform\core\locale\core_ja.jar;C:\Program Files (x86)\NetBeans 8.0.2\platform\core\locale\core_pt_BR.jar;C:\Program Files (x86)\NetBeans 8.0.2\platform\core\locale\core_ru.jar;C:\Program Files (x86)\NetBeans 8.0.2\platform\core\locale\core_zh_CN.jar;C:\Program Files (x86)\NetBeans 8.0.2\platform\core\locale\org-openide-filesystems_ja.jar;C:\Program Files (x86)\NetBeans 8.0.2\platform\core\locale\org-openide-filesystems_pt_BR.jar;C:\Program Files (x86)\NetBeans 8.0.2\platform\core\locale\org-openide-filesystems_ru.jar;C:\Program Files (x86)\NetBeans 8.0.2\platform\core\locale\org-openide-filesystems_zh_CN.jar;C:\Program Files (x86)\NetBeans 8.0.2\nb\core\org-netbeans-upgrader.jar;C:\Program Files (x86)\NetBeans 8.0.2\nb\core\locale\core_nb.jar;C:\Program Files (x86)\NetBeans 8.0.2\nb\core\locale\core_nb_ja.jar;C:\Program Files (x86)\NetBeans 8.0.2\nb\core\locale\core_nb_pt_BR.jar;C:\Program Files (x86)\NetBeans 8.0.2\nb\core\locale\core_nb_ru.jar;C:\Program Files (x86)\NetBeans </w:t>
            </w:r>
            <w:r w:rsidRPr="00980333">
              <w:rPr>
                <w:rFonts w:ascii="Courier New" w:hAnsi="Courier New"/>
              </w:rPr>
              <w:lastRenderedPageBreak/>
              <w:t>8.0.2\nb\core\locale\core_nb_zh_CN.jar;C:\Program Files (x86)\NetBeans 8.0.2\nb\core\locale\org-netbeans-upgrader_ja.jar;C:\Program Files (x86)\NetBeans 8.0.2\nb\core\locale\org-netbeans-upgrader_pt_BR.jar;C:\Program Files (x86)\NetBeans 8.0.2\nb\core\locale\org-netbeans-upgrader_ru.jar;C:\Program Files (x86)\NetBeans 8.0.2\nb\core\locale\org-netbeans-upgrader_zh_CN.ja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-------------------------------------------------------------------------------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netbinox]: Install area set to file:/C:/Program Files (x86)/NetBeans 8.0.2/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form.nb] use org.jdesktop.layout which is deprecated: Use javax.swing.GroupLayout instead. (In form editor: select Form ... in Inspector; change Layout Generation Style to Standard Java 6 code.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java.editor.lib, org.netbeans.modules.web.core.syntax, org.netbeans.modules.xml.text] use org.netbeans.modules.editor.deprecated.pre65formatting which is deprecat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ide.kit, org.netbeans.modules.xml.text] use org.netbeans.modules.editor.structure which is deprecat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core.modules]: the modules [org.netbeans.modules.java.hints, org.netbeans.modules.maven.hints, org.netbeans.modules.maven.j2ee, org.netbeans.modules.web.beans] use org.netbeans.modules.java.hints.legacy.spi which is deprecated: Use Java Hints SPI (org.netbeans.spi.java.hints) instea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startup.NbEvents]: Turning on modules: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util.lookup [8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util [8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modules [7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annotations.common/1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filesystems [8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awt [7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progress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dialogs [7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nodes [7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windows [6.7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mimelookup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text [6.6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tabcontrol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outline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explorer [6.5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actions [6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queries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loaders [7.5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io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openide.execution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upgrader [4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plaf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api/1 [1.60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wing.dirchoose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viewmodel/2 [1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spi.tasklist/1 [1.30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quicksearch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palette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navigator/1 [1.3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ttings/1 [1.5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util/1 [1.5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bootstrap/1 [2.69.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startup/1 [1.5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ampler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/2 [3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api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keymap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ttings.storag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exer/2 [1.5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fold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lib2/1 [1.85.1.43 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indent/2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lib/3 [3.49.2.22.43 2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fold.nbui [1.7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/3 [1.79.1.5.22.43 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capi [8.11.1.3 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cimpl/1 [0.38.1.25 2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nbjavac [1.13.1.2.25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errorstripe.api/1 [2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java.classpath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java/1 [1.5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latform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editor/1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errorstripe/2 [2.30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iff/1 [1.47.1.42.1 4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guards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indexingbridge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sterfs/2 [2.48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lucene/3 [3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lucene/2 [2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api/1 [1.78.1.8 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api/1 [1.78.3.8 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refactoring.api [1.40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assfil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indent.project/0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view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lexer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reprocessorbridge [1.35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 [0.138.2.32.2.25.8 3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libraries/1 [1.4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apache.xml.resolver [1.28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xml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catalog/2 [1.37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.ant/1 [1.6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search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options.java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tools.ant.module/3 [3.76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project/1 [1.6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ttings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editor.hints/0 [1.35.1.7.43 7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services [1.4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ui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windows/2 [2.7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de.analysis/0 [1.2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java.hints [1.21.1.13.2.25.32.8 1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tools.storage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editor.hints.projects [1.7.1.1.7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debugger/1 [1.4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spi.debugger.ui/1 [2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core/2 [1.39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xam/1 [1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retriever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schema.model/1 [1.2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axi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racesmatching/0 [1.34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deprecated.pre65formatting/0 [1.23.1.1.5.22.4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completion/1 [1.40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codetemplates/1 [1.3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readcrumbs/0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ui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umpto/1 [1.4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actions/1 [1.26.1.4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l.api/2 [2.47.1.2.1.1.8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tructure/1 [1.4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lexer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ext/2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letapi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tpserver/2 [2.32.1.42 4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sl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xdm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wsdl.model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xerces/1 [1.35.1.281 28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ax/2 [1.39.1.28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tools/2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xml.tools.java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schema.completion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multiview/1 [1.34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jaxb.api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xml.jaxb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hitelist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execution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ndopts/2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avorites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 [1.53.1.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lcome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stackapi/0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itmodelext [3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metadata/0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metadata.model.support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chema2beans/1 [1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/1 [1.39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re/0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web.webmodule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.webservice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.lightapi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modelapi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xb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21api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21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model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ui/1 [1.38.1.1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re.utilities/0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perties/1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18n/1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utilities/0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api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debugger.jpda/2 [2.4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ide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er/0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server/4 [1.107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jaxwsapi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ebsvcapi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api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.java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ditor.lib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metadata.model/1 [1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help/1 [2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/1 [1.61.1.30 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api [1.30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schema/1 [1.36.1.4.30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 xml:space="preserve">org.netbeans.modules.j2ee.persistenceapi/1 [1.30.1.1 1 </w:t>
            </w:r>
            <w:r w:rsidRPr="00980333">
              <w:rPr>
                <w:rFonts w:ascii="Courier New" w:hAnsi="Courier New"/>
              </w:rPr>
              <w:lastRenderedPageBreak/>
              <w:t>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injection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execution/2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sf.testrunner/1 [1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ototest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refactoring.java/1 [1.51.2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ditor/1 [2.60.1.10.1.1 1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clipselink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ersistence [1.46.2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api.common/0 [1.7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mmon [1.7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api.ejbmodule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specs.support/0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browser/1 [1.4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browser.api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ommon/1 [1.10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clientapi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api/0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projectapi/0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core [1.43.1.1.4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api.visual [2.4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design [1.2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browsetask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projec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on_simple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antlr3.runtime [1.1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lib/1 [1.7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lexer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editor.lib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indent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model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editor/1 [1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/1 [1.5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editor/2 [2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sf.codecoverage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project.api [1.6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testrunner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unit/2 [2.6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output2/1 [1.3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terminalemulator [1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rminal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ervletjspapi/1 [1.30.1.25 2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lassfish_logging/1 [1.25.1.20 2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pparser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project [1.6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wsitconf [3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ui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 xml:space="preserve">org.netbeans.modules.websvc.saas.services.zvents [1.24.1 </w:t>
            </w:r>
            <w:r w:rsidRPr="00980333">
              <w:rPr>
                <w:rFonts w:ascii="Courier New" w:hAnsi="Courier New"/>
              </w:rPr>
              <w:lastRenderedPageBreak/>
              <w:t>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zillow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weatherbug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strikeiron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google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flick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delicious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services.amazo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tabs/1 [1.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bookmarks/1 [1.3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plain.lib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com.jcraft.jsch [0.1.49 0.1.49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na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light.nativeexecution [1.34.3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light.terminal [1.1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projectint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todo/1 [1.27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ui/1 [1.27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sklist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multitabs.project [1.6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search [1.19.1.0.43 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diff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logging [1.1.1 1.1.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parser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validation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nashorn/1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editor/1 [0.4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prototypejs [0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requirejs [0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extj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jquery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knockout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kit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manifes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visual/3 [3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bytelist/1 [0.2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vyamlb/1 [0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yaml [2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mage/1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int [7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cli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libs.osgi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felix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e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faults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int.editor [7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tilities/1 [1.5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sersguide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macros/0 [1.27.1.1.2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plain/2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kit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saas.codegen.j2ee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lib/2 [2.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anager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editor.hints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model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clipselinkmodelgen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pa.refactoring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pa.verification [1.3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wingx/1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dataview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core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sql.editor [1.32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drivers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sql.visualeditor/1 [2.27.1.3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mysql [0.24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rby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b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debugger/1 [1.33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freeform/1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ui.buildmenu/1 [1.2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ant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roject/1 [1.75.2.48 4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webstar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freeform/1 [1.3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embedded [1.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debug [1.33.1.1.25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jdesktop.beansbinding/1 [1.24.1.121 12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example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ui [1.13.1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navigation/1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indbugs.installer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legacy.spi/1 [1.11.1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java.hints/1 [1.76.1.15.10.1.32.1.13 1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hints.declarative/1 [1.16.1.1.15.1.13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rofile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deploy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j2seplatform/1 [1.3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doc/1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ashorn.execution/1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eans/1 [1.46.1.1.10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apimodule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java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.ant [1.26.1.1.3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import.eclipse.core/1 [2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ersistence.kit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webkit.debugging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inspect [0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beans/2 [2.1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resources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core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ddloaders/1 [1.36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lassfish.sdk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common/0 [1.6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dd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eecommon/0 [1.33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appsrv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un.ddui/1 [1.33.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lassfish.javaee/0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genericserver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api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examples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2.debug/1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avascript.debugger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project [1.5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samples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webkit.tooling [1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.karma/0 [0.8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etserver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browser.chrome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testdriver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script.jstestdriver [0.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kit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monitor/1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j2ee.weblogic9/1 [1.38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l.lexer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sp.lexer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arget.iterator/1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re/2 [2.31.1.45.2 4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elimpl/1 [1.1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el [1.5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ore.syntax/2 [2.42.1.2.10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refactoring [1.25.1.45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beanvalidation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anguages.apacheconf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.wildfly/1 [1.0.2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/0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client.rest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ant [1.33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ocket [1.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projects [1.30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/2 [1.73.3.80 80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ui/1 [1.4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debug/1 [2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oud.common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amazon/1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loud.amazon/0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sample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jboss4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api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freeform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tl/1 [2.34.1.123 12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omcat5/1 [1.4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samples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customization [1.25.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owsm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metro.lib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kit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pisupport.restsample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.samples/0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svc.restkit/0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ommons_fileupload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struts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/1 [1.68.1.2 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navigation/1 [2.25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20/1 [1.32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editor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web.jsf12/1 [1.24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12ri/1 [1.24.1.12 1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kit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primefaces [1.7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richface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web.jsf.icefaces [1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core/1 [1.21.1.1.42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/1 [1.43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util [1.60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am.commons [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ui/1 [1.18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system.cvss.installer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masterfs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versioning.indexingbridge/0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tilities.project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pdatecenters/1 [1.36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uihandler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ihandler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uihandler.exceptionreporter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embedder/2 [2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indexer/2 [2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codec [1.3.0 1.3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model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wing.validation/2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/2 [2.107.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testng/1 [1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 [2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.maven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stng.ant [2.1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mplates/1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team.ide [1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ini4j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ubversion [1.37.1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glib/1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pringframework/1 [1.3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ring.beans/0 [1.35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ring.webmvc [1.3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 [1.31.1.1.7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kit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dictionary_en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perties.syntax/1 [1.4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properties [1.1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spellchecker.bindings.htmlxml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jectimport.eclipse.web [1.23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projectimport.eclipse.j2se [1.24.1.4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gress.ui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utilities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/1 [1.5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.charts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.common/1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api/1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.profiler.ui/1 [1.4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attach/2 [2.1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elector.api/1 [1.2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elector.ui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/2 [2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ppoints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tp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snaptracer/1 [1.1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projectsupport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ql/2 [2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ql.language/0 [0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options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categorization.api/1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nbimpl/1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nbmodule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heapwalker [1.9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drilldown/1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ki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j2se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j2ee/1 [1.3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rofiler.freeform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parsing.ui [1.1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otification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etigso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netbinox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net [3.10.0 3.10.0.20131018-12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tasks.core [3.10.0 3.10.0.20131010-202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jobs [3.5.101 3.5.101.v20120113-195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wikitext.core [1.9.0 1.9.0.20131007-205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 [1.10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common [3.6.0 3.6.0.v20110523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runtime [3.7.0 3.7.0.v201101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ylyn.util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ercurial [1.38.2.4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pring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coverage [1.1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repository/1 [1.3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graph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grammar/1 [1.42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maven.osgi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refactoring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checkstyle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kit/1 [4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earch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samples/1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profiler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persistence/1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unit/1 [1.2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axws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j2ee/1 [1.5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ven.hints/1 [1.3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sterfs.windows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masterfs.nio2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.commons [1.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ocaltasks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ocalhistory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lexer.nbbridge/1 [1.28.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o4j.debugging [1.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.fallback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keyring.impl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ee7.api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.queries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source.queriesimpl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metrics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ava.guards/0 [0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platform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verification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refactoring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jbjarproject [1.5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clientproject [1.4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earproject [1.4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j2ee.kit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ergonomics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utoupdate.pluginimporter [1.1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adlock.detector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branding/1 [1.29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de.branding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/2 [1.53.1.4 4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jdesktop.layout/1 [1.3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nb/0 [0.14.1.1.4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i18n.form/2 [1.46.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commons_net/2 [2.17.1.33 3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 [2.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ui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tasklist [1.1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subversio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mercurial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maven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git [1.1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udson.ant [1.23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org.netbeans.modules.html.knockout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custom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browser/1 [1.24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tml.angular [1.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freemarker/1 [2.30.1.238 23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4lib/1 [1.4.1.238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/1 [1.29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hibernateweb [1.2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jgit [3.4.1 3.4.1.201406201815-r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na.platform/1 [1.8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sch.agentproxy/1 [0.9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git/1 [1.27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git [1.16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refactoring/0 [0.13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binding/0 [0.13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kit [1.25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form.j2ee/0 [0.29.1.1.4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io [1.4 1.4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xtexecution.impl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mimelookup.impl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editor.global.format/1 [1.11.1.1 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visual/1 [1.13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js/1 [1.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kit [1.1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debugger.jpda.heapwalk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ss.prep [1.21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plist [1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 [1.32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.ios [1.2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.platforms.android [1.24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cordova [1.26.3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bugzilla.core [3.10.0 3.10.0.20131024-1218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httpclient [3.1.0 3.1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zilla [1.72.2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zilla.exceptionreporter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bugtracking.bridge [1.4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modules.ant.grammar/1 [1.4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.svnkit/1 [1.21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svnClientAdapter.javahl/1 [1.20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libs.javafx [2.4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etwork [1.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nativeaccess/1 [1.27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netbeans.core.io.ui/1 [1.26.1 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 xml:space="preserve">org.netbeans.core.browser.webview/1 [1.11.1.1.1 1 </w:t>
            </w:r>
            <w:r w:rsidRPr="00980333">
              <w:rPr>
                <w:rFonts w:ascii="Courier New" w:hAnsi="Courier New"/>
              </w:rPr>
              <w:lastRenderedPageBreak/>
              <w:t>201411181905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xmlrpc [3.10.0 3.10.0.20130704-2116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repositories.core [1.2.0 1.2.0.20130704-2116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mylyn.commons.core [3.10.0 3.10.0.20130926-17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security [1.1.1 1.1.1.R37x_v20110822-1018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registry [3.5.200 3.5.200.v20120522-184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preferences [3.4.2 3.4.2.v20120111-202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equinox.app [1.3.100 1.3.100.v2011032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runtime.compatibility.auth [3.2.200 3.2.200.v2011011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net [1.2.100 1.2.100.I20110511-080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eclipse.core.contenttype [3.4.100 3.4.100.v20110423-0524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xmlrpc [3.0.0 3.0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ws.commons.util [1.0.1 1.0.1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org.apache.commons.lang [2.4.0 2.4.0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javaewah.dummy [0.7.9 0.7.9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com.jcraft.jzlib [1.0.7 1.0.7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igso.Netigso]: bundle org.eclipse.osgi@3.9.1.v20140110-1610 started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resolver: Window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windows.WindowsNetworkProxy]: Windows system proxy resolver: auto dete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reloading succeeded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 - mode: direc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network.proxy.NetworkProxyReloader]: System network proxy: fell to default (correct if direct mode went before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uihandler.Installer]: findIdentity: ba2b6c28-9d3c-4731-b005-9353f39ee864_cf05f078-1f9d-4810-8bfe-c16c6329d62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Diagnostic information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put arguments: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importclass=org.netbeans.upgrade.AutoUpgra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accept_license_class=org.netbeans.license.AcceptLicens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clien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ss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ms3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X:PermSize=3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apple.laf.useScreenMenuBar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apple.awt.graphics.UseQuartz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java2d.noddraw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java2d.dpiaware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zip.disableMemoryMapping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mx512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jdk.home=C:\Program Files (x86)\Java\jdk1.8.0_20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home=C:\Program Files (x86)\NetBeans 8.0.2\platform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user=C:\Users\ADAM01\AppData\Roaming\NetBeans\8.0.2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default_userdir_root=C:\Users\ADAM01\AppData\Roaming\NetBean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XX:+HeapDumpOnOutOfMemoryErro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-XX:HeapDumpPath=C:\Users\ADAM01\AppData\Roaming\NetBeans\8.0.2\var\log\heapdump.hprof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sun.awt.keepWorkingSetOnMinimize=tru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-Dnetbeans.dirs=C:\Program Files (x86)\NetBeans 8.0.2\nb;C:\Program Files (x86)\NetBeans 8.0.2\ergonomics;C:\Program Files (x86)\NetBeans 8.0.2\ide;C:\Program Files (x86)\NetBeans 8.0.2\extide;C:\Program Files (x86)\NetBeans 8.0.2\java;C:\Program Files (x86)\NetBeans 8.0.2\apisupport;C:\Program Files (x86)\NetBeans 8.0.2\webcommon;C:\Program Files (x86)\NetBeans 8.0.2\websvccommon;C:\Program Files (x86)\NetBeans 8.0.2\enterprise;C:\Program Files (x86)\NetBeans 8.0.2\mobility;C:\Program Files (x86)\NetBeans 8.0.2\profiler;C:\Program Files (x86)\NetBeans 8.0.2\python;C:\Program Files (x86)\NetBeans 8.0.2\php;C:\Program Files (x86)\NetBeans 8.0.2\identity;C:\Program Files (x86)\NetBeans 8.0.2\harness;C:\Program Files (x86)\NetBeans 8.0.2\cnd;C:\Program Files (x86)\NetBeans 8.0.2\dlight;C:\Program Files (x86)\NetBeans 8.0.2\groovy;C:\Program Files (x86)\NetBeans 8.0.2\extra;C:\Program Files (x86)\NetBeans 8.0.2\javacard;C:\Program Files (x86)\NetBeans 8.0.2\javafx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exit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ompiler: HotSpot Client Compiler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Heap memory usage: initial 32,0MB maximum 494,9M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Non heap memory usage: initial 160,0kB maximum -1b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Garbage collector: Copy (Collections=64 Total time spent=0s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Garbage collector: MarkSweepCompact (Collections=3 Total time spent=0s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Classes: loaded=9903 total loaded=9909 unloaded 5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core.ui.warmup.DiagnosticTask]: Total memory 4,226,072,576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glassfish]: Created GlassFish Server 4.1 instance with name GlassFish Server 4.1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endorsed/javax.annotation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endorsed/jaxb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endorsed/webservices-api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</w:t>
            </w:r>
            <w:r w:rsidRPr="00980333">
              <w:rPr>
                <w:rFonts w:ascii="Courier New" w:hAnsi="Courier New"/>
              </w:rPr>
              <w:lastRenderedPageBreak/>
              <w:t>4.1/glassfish/modules/bean-validator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batch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jb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concurren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concurrent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enterprise.deploy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faces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inject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interceptor-api.jar in Library: Java-EE-</w:t>
            </w:r>
            <w:r w:rsidRPr="00980333">
              <w:rPr>
                <w:rFonts w:ascii="Courier New" w:hAnsi="Courier New"/>
              </w:rPr>
              <w:lastRenderedPageBreak/>
              <w:t>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jms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json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mai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management.j2e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persistence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resourc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curity.auth.message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curity.jacc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WARNING [org.netbeans.modules.java.j2seplatform.libraries.J2SELibraryTypeProvider]: Wrong Classpath entry file:/C:/Program%20Files%20(x86)/glassfish-4.1/glassfish/modules/javax.servlet.jsp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stl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servlet.jsp.jstl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transaction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websocket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ws.rs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xml.registry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javax.xml.rpc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WARNING </w:t>
            </w:r>
            <w:r w:rsidRPr="00980333">
              <w:rPr>
                <w:rFonts w:ascii="Courier New" w:hAnsi="Courier New"/>
              </w:rPr>
              <w:lastRenderedPageBreak/>
              <w:t>[org.netbeans.modules.java.j2seplatform.libraries.J2SELibraryTypeProvider]: Wrong Classpath entry file:/C:/Program%20Files%20(x86)/glassfish-4.1/glassfish/modules/jaxb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webservices-osg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glassfish/modules/weld-osgi-bundle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j2seplatform.libraries.J2SELibraryTypeProvider]: Wrong Classpath entry file:/C:/Program%20Files%20(x86)/glassfish-4.1/mq/lib/jaxm-api.jar in Library: Java-EE-GlassFish-v3-Prelude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48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32 binary roots took: 5,21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Latihan\src\main\java took: 671 ms (New or modified files: 0, Deleted files: 0) [Adding listeners took: 31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Latihan\src\test\java took: 1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Latihan\src\main\resources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Prak-1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Latihan\src\main\webapp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Prak-1\src\test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Prak-1\src\main\resources took: 125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</w:t>
            </w:r>
            <w:r w:rsidRPr="00980333">
              <w:rPr>
                <w:rFonts w:ascii="Courier New" w:hAnsi="Courier New"/>
              </w:rPr>
              <w:lastRenderedPageBreak/>
              <w:t>Indexing of: D:\ADAM NUGROHO\KULIAH\KULIAH SEMESTER 6\Pemrograman 4\Tugas\Prak-1\src\main\webapp took: 156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Prak-1\src\main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Latihan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0 source roots took: 1,217 ms (New or modified files: 0, Deleted files: 0) [Adding listeners took: 31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3,43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2 binary roots took: 89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2\Praktikum2\src\main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log4j:WARN No appenders could be found for logger (nu.validator.source.LocationRecorder)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log4j:WARN Please initialize the log4j system properly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2\Praktikum2\src\main\webapp took: 5,367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2 source roots took: 5,367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16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reststubs.zip took: 312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corestubs.zip took: 249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C:\Program Files (x86)\NetBeans 8.0.2\ide\jsstubs\domstubs.zip took: 266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WARNING [org.netbeans.modules.parsing.impl.indexing.RepositoryUpdater]: Broken index for root: file:/D:/ADAM%20NUGROHO/KULIAH/KULIAH%20SEMESTER%206/Pemrograman%204/Tugas/Tugas%202/Praktikum2/src/main/webapp/ reason: C:\Users\ADAM01\AppData\Local\NetBeans\Cache\8.0.2\index\s35\org-netbeans-modules-jumpto-file-FileIndexer\1\1\_1.prx (The system </w:t>
            </w:r>
            <w:r w:rsidRPr="00980333">
              <w:rPr>
                <w:rFonts w:ascii="Courier New" w:hAnsi="Courier New"/>
              </w:rPr>
              <w:lastRenderedPageBreak/>
              <w:t>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parsing.impl.indexing.RepositoryUpdater]: Broken index for root: file:/D:/ADAM%20NUGROHO/KULIAH/KULIAH%20SEMESTER%206/Pemrograman%204/Tugas/Tugas%202/Praktikum2/src/main/webapp/ reason: C:\Users\ADAM01\AppData\Local\NetBeans\Cache\8.0.2\index\s35\html\2\1\_0.prx (The system 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2\Praktikum2\src\main\webapp took: 218 ms (New or modified files: 3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parsing.impl.indexing.RepositoryUpdater]: Broken index for root: file:/D:/ADAM%20NUGROHO/KULIAH/KULIAH%20SEMESTER%206/Pemrograman%204/Tugas/Tugas%202/Praktikum2/src/main/java/ reason: C:\Users\ADAM01\AppData\Local\NetBeans\Cache\8.0.2\index\s36\org-netbeans-modules-jumpto-file-FileIndexer\1\1\_1.prx (The system cannot find the file specified)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2\Praktikum2\src\main\java took: 764 ms (New or modified files: 1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5 source roots took: 1,809 ms (New or modified files: 4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java.source.indexing.JavaIndex]: Broken index for root: file:/D:/ADAM%20NUGROHO/KULIAH/KULIAH%20SEMESTER%206/Pemrograman%204/Tugas/Tugas%202/Praktikum2/src/main/java/ reason {1}, recovering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mercurial]: version: null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subversion]: Finished indexing svn cache with 0 entries. Elapsed time: 0 ms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31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source root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options.keymap.LayersBridge]: Invalid shortcut: org.openide.loaders.BrokenDataShadow@fb46ea[MultiFileObject@1ded950[Keymaps/NetBeans/D-BACK_QUOTE.shadow]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options.keymap.LayersBridge]: Invalid shortcut: org.openide.loaders.BrokenDataShadow@fb46ea[MultiFileObject@1ded950[Keymaps/NetBeans/D-BACK_QUOTE.shadow]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6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 binary roots took: 78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 xml:space="preserve">INFO [org.netbeans.modules.parsing.impl.indexing.RepositoryUpdater]: Indexing of: D:\ADAM NUGROHO\KULIAH\KULIAH SEMESTER 6\Pemrograman </w:t>
            </w:r>
            <w:r w:rsidRPr="00980333">
              <w:rPr>
                <w:rFonts w:ascii="Courier New" w:hAnsi="Courier New"/>
              </w:rPr>
              <w:lastRenderedPageBreak/>
              <w:t>4\Tugas\Tugas 1\Praktikum-1\src\test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webapp took: 936 ms (New or modified files: 1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test\java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java took: 125 ms (New or modified files: 0, Deleted files: 0) [Adding listeners took: 16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5 source roots took: 1,061 ms (New or modified files: 1, Deleted files: 0) [Adding listeners took: 16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249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26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47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0 binary roots took: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25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 source roots took: 250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Resolving dependencies took: 47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1 binary roots took: 873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webapp took: 78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java took: 203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Indexing of: D:\ADAM NUGROHO\KULIAH\KULIAH SEMESTER 6\Pemrograman 4\Tugas\Tugas 1\Praktikum-1\src\main\resources took: 63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parsing.impl.indexing.RepositoryUpdater]: Complete indexing of 3 source roots took: 344 ms (New or modified files: 0, Deleted files: 0) [Adding listeners took: 0 ms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6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62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</w:t>
            </w:r>
            <w:r w:rsidRPr="00980333">
              <w:rPr>
                <w:rFonts w:ascii="Courier New" w:hAnsi="Courier New"/>
              </w:rPr>
              <w:lastRenderedPageBreak/>
              <w:t>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1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15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j2ee.deployment.devmodules.api.Deployment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org.netbeans.modules.j2ee.deployment.impl.ServerException: Could not start GlassFish Server 4.1: HTTP or HTTPS listener port is occupied while server is not running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_start(ServerInstance.java:146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40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Target(ServerInstance.java:1209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ServerInstance.start(ServerInstance.java:1087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j2ee.deployment.impl.TargetServer.startTargets(TargetServer.java:546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[catch] at org.netbeans.modules.j2ee.deployment.devmodules.api.Deployment.deploy(Deployment.java:215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DeploymentHelper.perform(DeploymentHelper.java:208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j2ee.execution.ExecutionChecker.executionResult(ExecutionChecker.java:9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ab/>
              <w:t>at org.netbeans.modules.maven.execute.MavenCommandLineExecutor.run(MavenCommandLineExecutor.java:252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lastRenderedPageBreak/>
              <w:tab/>
              <w:t>at org.netbeans.core.execution.RunClassThread.run(RunClassThread.java:153)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0 ms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netbeans.modules.maven.j2ee.ContainerCPModifierImpl]: Cannot process api with symbolic name: servlet-api. Nothing will be added to project's classpath.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WARNING [org.openide.filesystems.Ordering]: Not all children in / marked with the position attribute: [org-netbeans-modules-editor-java-JavaBracesMatcher.shadow], but some are: [org-netbeans-modules-editor-bracesmatching-LegacyEssMatcher.instance, org-netbeans-modules-editor-bracesmatching-DefaultMatcher.instance]</w:t>
            </w:r>
          </w:p>
          <w:p w:rsidR="00980333" w:rsidRPr="00980333" w:rsidRDefault="00980333" w:rsidP="00980333">
            <w:pPr>
              <w:rPr>
                <w:rFonts w:ascii="Courier New" w:hAnsi="Courier New"/>
              </w:rPr>
            </w:pPr>
            <w:r w:rsidRPr="00980333">
              <w:rPr>
                <w:rFonts w:ascii="Courier New" w:hAnsi="Courier New"/>
              </w:rPr>
              <w:t>INFO [org.netbeans.modules.web.jsf.JSFConfigUtilities]: Total time spent = 0 ms</w:t>
            </w:r>
          </w:p>
          <w:p w:rsidR="00980333" w:rsidRDefault="00980333" w:rsidP="00980333">
            <w:pPr>
              <w:rPr>
                <w:rFonts w:ascii="Times New Roman" w:hAnsi="Times New Roman"/>
                <w:sz w:val="24"/>
              </w:rPr>
            </w:pPr>
            <w:r w:rsidRPr="00980333">
              <w:rPr>
                <w:rFonts w:ascii="Courier New" w:hAnsi="Courier New"/>
              </w:rPr>
              <w:t>INFO [org.netbeans.modules.web.jsf.JSFFrameworkProvider]: Total time spent=0 ms</w:t>
            </w:r>
          </w:p>
        </w:tc>
      </w:tr>
    </w:tbl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Default="00980333" w:rsidP="0010345A">
      <w:pPr>
        <w:rPr>
          <w:rFonts w:ascii="Times New Roman" w:hAnsi="Times New Roman"/>
          <w:sz w:val="24"/>
        </w:rPr>
      </w:pPr>
    </w:p>
    <w:p w:rsidR="00980333" w:rsidRPr="00980333" w:rsidRDefault="00980333" w:rsidP="0010345A">
      <w:pPr>
        <w:rPr>
          <w:rFonts w:ascii="Times New Roman" w:hAnsi="Times New Roman"/>
          <w:sz w:val="24"/>
        </w:rPr>
      </w:pPr>
    </w:p>
    <w:sectPr w:rsidR="00980333" w:rsidRPr="00980333" w:rsidSect="00011137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endnote w:type="separator" w:id="0">
    <w:p w:rsidR="00207498" w:rsidRDefault="00207498" w:rsidP="0010345A">
      <w:pPr>
        <w:spacing w:after="0" w:line="240" w:lineRule="auto"/>
      </w:pPr>
      <w:r>
        <w:separator/>
      </w:r>
    </w:p>
  </w:endnote>
  <w:endnote w:type="continuationSeparator" w:id="1">
    <w:p w:rsidR="00207498" w:rsidRDefault="00207498" w:rsidP="0010345A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r="http://schemas.openxmlformats.org/officeDocument/2006/relationships" xmlns:w="http://schemas.openxmlformats.org/wordprocessingml/2006/main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Cambria">
    <w:panose1 w:val="02040503050406030204"/>
    <w:charset w:val="00"/>
    <w:family w:val="roman"/>
    <w:pitch w:val="variable"/>
    <w:sig w:usb0="E00002FF" w:usb1="400004FF" w:usb2="00000000" w:usb3="00000000" w:csb0="0000019F" w:csb1="00000000"/>
  </w:font>
</w:fonts>
</file>

<file path=word/footnotes.xml><?xml version="1.0" encoding="utf-8"?>
<w:footnotes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footnote w:type="separator" w:id="0">
    <w:p w:rsidR="00207498" w:rsidRDefault="00207498" w:rsidP="0010345A">
      <w:pPr>
        <w:spacing w:after="0" w:line="240" w:lineRule="auto"/>
      </w:pPr>
      <w:r>
        <w:separator/>
      </w:r>
    </w:p>
  </w:footnote>
  <w:footnote w:type="continuationSeparator" w:id="1">
    <w:p w:rsidR="00207498" w:rsidRDefault="00207498" w:rsidP="0010345A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ve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="http://schemas.openxmlformats.org/drawingml/2006/wordprocessingDrawing" xmlns:w10="urn:schemas-microsoft-com:office:word" xmlns:w="http://schemas.openxmlformats.org/wordprocessingml/2006/main" xmlns:wne="http://schemas.microsoft.com/office/word/2006/wordml">
  <w:abstractNum w:abstractNumId="0">
    <w:nsid w:val="596F43E7"/>
    <w:multiLevelType w:val="hybridMultilevel"/>
    <w:tmpl w:val="ADD089E6"/>
    <w:lvl w:ilvl="0" w:tplc="0421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4210019" w:tentative="1">
      <w:start w:val="1"/>
      <w:numFmt w:val="lowerLetter"/>
      <w:lvlText w:val="%2."/>
      <w:lvlJc w:val="left"/>
      <w:pPr>
        <w:ind w:left="1440" w:hanging="360"/>
      </w:pPr>
    </w:lvl>
    <w:lvl w:ilvl="2" w:tplc="0421001B" w:tentative="1">
      <w:start w:val="1"/>
      <w:numFmt w:val="lowerRoman"/>
      <w:lvlText w:val="%3."/>
      <w:lvlJc w:val="right"/>
      <w:pPr>
        <w:ind w:left="2160" w:hanging="180"/>
      </w:pPr>
    </w:lvl>
    <w:lvl w:ilvl="3" w:tplc="0421000F" w:tentative="1">
      <w:start w:val="1"/>
      <w:numFmt w:val="decimal"/>
      <w:lvlText w:val="%4."/>
      <w:lvlJc w:val="left"/>
      <w:pPr>
        <w:ind w:left="2880" w:hanging="360"/>
      </w:pPr>
    </w:lvl>
    <w:lvl w:ilvl="4" w:tplc="04210019" w:tentative="1">
      <w:start w:val="1"/>
      <w:numFmt w:val="lowerLetter"/>
      <w:lvlText w:val="%5."/>
      <w:lvlJc w:val="left"/>
      <w:pPr>
        <w:ind w:left="3600" w:hanging="360"/>
      </w:pPr>
    </w:lvl>
    <w:lvl w:ilvl="5" w:tplc="0421001B" w:tentative="1">
      <w:start w:val="1"/>
      <w:numFmt w:val="lowerRoman"/>
      <w:lvlText w:val="%6."/>
      <w:lvlJc w:val="right"/>
      <w:pPr>
        <w:ind w:left="4320" w:hanging="180"/>
      </w:pPr>
    </w:lvl>
    <w:lvl w:ilvl="6" w:tplc="0421000F" w:tentative="1">
      <w:start w:val="1"/>
      <w:numFmt w:val="decimal"/>
      <w:lvlText w:val="%7."/>
      <w:lvlJc w:val="left"/>
      <w:pPr>
        <w:ind w:left="5040" w:hanging="360"/>
      </w:pPr>
    </w:lvl>
    <w:lvl w:ilvl="7" w:tplc="04210019" w:tentative="1">
      <w:start w:val="1"/>
      <w:numFmt w:val="lowerLetter"/>
      <w:lvlText w:val="%8."/>
      <w:lvlJc w:val="left"/>
      <w:pPr>
        <w:ind w:left="5760" w:hanging="360"/>
      </w:pPr>
    </w:lvl>
    <w:lvl w:ilvl="8" w:tplc="0421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</w:numbering>
</file>

<file path=word/settings.xml><?xml version="1.0" encoding="utf-8"?>
<w:settings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sl="http://schemas.openxmlformats.org/schemaLibrary/2006/main">
  <w:zoom w:percent="87"/>
  <w:defaultTabStop w:val="720"/>
  <w:characterSpacingControl w:val="doNotCompress"/>
  <w:footnotePr>
    <w:footnote w:id="0"/>
    <w:footnote w:id="1"/>
  </w:footnotePr>
  <w:endnotePr>
    <w:endnote w:id="0"/>
    <w:endnote w:id="1"/>
  </w:endnotePr>
  <w:compat>
    <w:useFELayout/>
  </w:compat>
  <w:rsids>
    <w:rsidRoot w:val="00A2415D"/>
    <w:rsid w:val="00011137"/>
    <w:rsid w:val="0010345A"/>
    <w:rsid w:val="00207498"/>
    <w:rsid w:val="00321948"/>
    <w:rsid w:val="004678AA"/>
    <w:rsid w:val="00980333"/>
    <w:rsid w:val="00A2415D"/>
  </w:rsids>
  <m:mathPr>
    <m:mathFont m:val="Cambria Math"/>
    <m:brkBin m:val="before"/>
    <m:brkBinSub m:val="--"/>
    <m:smallFrac m:val="off"/>
    <m:dispDef/>
    <m:lMargin m:val="0"/>
    <m:rMargin m:val="0"/>
    <m:defJc m:val="centerGroup"/>
    <m:wrapIndent m:val="1440"/>
    <m:intLim m:val="subSup"/>
    <m:naryLim m:val="undOvr"/>
  </m:mathPr>
  <w:themeFontLang w:val="id-ID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3074"/>
    <o:shapelayout v:ext="edit">
      <o:idmap v:ext="edit" data="1"/>
    </o:shapelayout>
  </w:shapeDefaults>
  <w:decimalSymbol w:val=","/>
  <w:listSeparator w:val=";"/>
</w:settings>
</file>

<file path=word/styles.xml><?xml version="1.0" encoding="utf-8"?>
<w:styles xmlns:r="http://schemas.openxmlformats.org/officeDocument/2006/relationships" xmlns:w="http://schemas.openxmlformats.org/wordprocessingml/2006/main">
  <w:docDefaults>
    <w:rPrDefault>
      <w:rPr>
        <w:rFonts w:asciiTheme="minorHAnsi" w:eastAsiaTheme="minorEastAsia" w:hAnsiTheme="minorHAnsi" w:cstheme="minorBidi"/>
        <w:sz w:val="22"/>
        <w:szCs w:val="22"/>
        <w:lang w:val="id-ID" w:eastAsia="id-ID" w:bidi="ar-SA"/>
      </w:rPr>
    </w:rPrDefault>
    <w:pPrDefault>
      <w:pPr>
        <w:spacing w:after="200" w:line="276" w:lineRule="auto"/>
      </w:pPr>
    </w:pPrDefault>
  </w:docDefaults>
  <w:latentStyles w:defLockedState="0" w:defUIPriority="99" w:defSemiHidden="1" w:defUnhideWhenUsed="1" w:defQFormat="0" w:count="267">
    <w:lsdException w:name="Normal" w:semiHidden="0" w:uiPriority="0" w:unhideWhenUsed="0" w:qFormat="1"/>
    <w:lsdException w:name="heading 1" w:semiHidden="0" w:uiPriority="9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semiHidden="0" w:uiPriority="10" w:unhideWhenUsed="0" w:qFormat="1"/>
    <w:lsdException w:name="Default Paragraph Font" w:uiPriority="1"/>
    <w:lsdException w:name="Subtitle" w:semiHidden="0" w:uiPriority="11" w:unhideWhenUsed="0" w:qFormat="1"/>
    <w:lsdException w:name="Strong" w:semiHidden="0" w:uiPriority="22" w:unhideWhenUsed="0" w:qFormat="1"/>
    <w:lsdException w:name="Emphasis" w:semiHidden="0" w:uiPriority="20" w:unhideWhenUsed="0" w:qFormat="1"/>
    <w:lsdException w:name="Table Grid" w:semiHidden="0" w:uiPriority="59" w:unhideWhenUsed="0"/>
    <w:lsdException w:name="Placeholder Text" w:unhideWhenUsed="0"/>
    <w:lsdException w:name="No Spacing" w:semiHidden="0" w:uiPriority="1" w:unhideWhenUsed="0" w:qFormat="1"/>
    <w:lsdException w:name="Light Shading" w:semiHidden="0" w:uiPriority="60" w:unhideWhenUsed="0"/>
    <w:lsdException w:name="Light List" w:semiHidden="0" w:uiPriority="61" w:unhideWhenUsed="0"/>
    <w:lsdException w:name="Light Grid" w:semiHidden="0" w:uiPriority="62" w:unhideWhenUsed="0"/>
    <w:lsdException w:name="Medium Shading 1" w:semiHidden="0" w:uiPriority="63" w:unhideWhenUsed="0"/>
    <w:lsdException w:name="Medium Shading 2" w:semiHidden="0" w:uiPriority="64" w:unhideWhenUsed="0"/>
    <w:lsdException w:name="Medium List 1" w:semiHidden="0" w:uiPriority="65" w:unhideWhenUsed="0"/>
    <w:lsdException w:name="Medium List 2" w:semiHidden="0" w:uiPriority="66" w:unhideWhenUsed="0"/>
    <w:lsdException w:name="Medium Grid 1" w:semiHidden="0" w:uiPriority="67" w:unhideWhenUsed="0"/>
    <w:lsdException w:name="Medium Grid 2" w:semiHidden="0" w:uiPriority="68" w:unhideWhenUsed="0"/>
    <w:lsdException w:name="Medium Grid 3" w:semiHidden="0" w:uiPriority="69" w:unhideWhenUsed="0"/>
    <w:lsdException w:name="Dark List" w:semiHidden="0" w:uiPriority="70" w:unhideWhenUsed="0"/>
    <w:lsdException w:name="Colorful Shading" w:semiHidden="0" w:uiPriority="71" w:unhideWhenUsed="0"/>
    <w:lsdException w:name="Colorful List" w:semiHidden="0" w:uiPriority="72" w:unhideWhenUsed="0"/>
    <w:lsdException w:name="Colorful Grid" w:semiHidden="0" w:uiPriority="73" w:unhideWhenUsed="0"/>
    <w:lsdException w:name="Light Shading Accent 1" w:semiHidden="0" w:uiPriority="60" w:unhideWhenUsed="0"/>
    <w:lsdException w:name="Light List Accent 1" w:semiHidden="0" w:uiPriority="61" w:unhideWhenUsed="0"/>
    <w:lsdException w:name="Light Grid Accent 1" w:semiHidden="0" w:uiPriority="62" w:unhideWhenUsed="0"/>
    <w:lsdException w:name="Medium Shading 1 Accent 1" w:semiHidden="0" w:uiPriority="63" w:unhideWhenUsed="0"/>
    <w:lsdException w:name="Medium Shading 2 Accent 1" w:semiHidden="0" w:uiPriority="64" w:unhideWhenUsed="0"/>
    <w:lsdException w:name="Medium List 1 Accent 1" w:semiHidden="0" w:uiPriority="65" w:unhideWhenUsed="0"/>
    <w:lsdException w:name="Revision" w:unhideWhenUsed="0"/>
    <w:lsdException w:name="List Paragraph" w:semiHidden="0" w:uiPriority="34" w:unhideWhenUsed="0" w:qFormat="1"/>
    <w:lsdException w:name="Quote" w:semiHidden="0" w:uiPriority="29" w:unhideWhenUsed="0" w:qFormat="1"/>
    <w:lsdException w:name="Intense Quote" w:semiHidden="0" w:uiPriority="30" w:unhideWhenUsed="0" w:qFormat="1"/>
    <w:lsdException w:name="Medium List 2 Accent 1" w:semiHidden="0" w:uiPriority="66" w:unhideWhenUsed="0"/>
    <w:lsdException w:name="Medium Grid 1 Accent 1" w:semiHidden="0" w:uiPriority="67" w:unhideWhenUsed="0"/>
    <w:lsdException w:name="Medium Grid 2 Accent 1" w:semiHidden="0" w:uiPriority="68" w:unhideWhenUsed="0"/>
    <w:lsdException w:name="Medium Grid 3 Accent 1" w:semiHidden="0" w:uiPriority="69" w:unhideWhenUsed="0"/>
    <w:lsdException w:name="Dark List Accent 1" w:semiHidden="0" w:uiPriority="70" w:unhideWhenUsed="0"/>
    <w:lsdException w:name="Colorful Shading Accent 1" w:semiHidden="0" w:uiPriority="71" w:unhideWhenUsed="0"/>
    <w:lsdException w:name="Colorful List Accent 1" w:semiHidden="0" w:uiPriority="72" w:unhideWhenUsed="0"/>
    <w:lsdException w:name="Colorful Grid Accent 1" w:semiHidden="0" w:uiPriority="73" w:unhideWhenUsed="0"/>
    <w:lsdException w:name="Light Shading Accent 2" w:semiHidden="0" w:uiPriority="60" w:unhideWhenUsed="0"/>
    <w:lsdException w:name="Light List Accent 2" w:semiHidden="0" w:uiPriority="61" w:unhideWhenUsed="0"/>
    <w:lsdException w:name="Light Grid Accent 2" w:semiHidden="0" w:uiPriority="62" w:unhideWhenUsed="0"/>
    <w:lsdException w:name="Medium Shading 1 Accent 2" w:semiHidden="0" w:uiPriority="63" w:unhideWhenUsed="0"/>
    <w:lsdException w:name="Medium Shading 2 Accent 2" w:semiHidden="0" w:uiPriority="64" w:unhideWhenUsed="0"/>
    <w:lsdException w:name="Medium List 1 Accent 2" w:semiHidden="0" w:uiPriority="65" w:unhideWhenUsed="0"/>
    <w:lsdException w:name="Medium List 2 Accent 2" w:semiHidden="0" w:uiPriority="66" w:unhideWhenUsed="0"/>
    <w:lsdException w:name="Medium Grid 1 Accent 2" w:semiHidden="0" w:uiPriority="67" w:unhideWhenUsed="0"/>
    <w:lsdException w:name="Medium Grid 2 Accent 2" w:semiHidden="0" w:uiPriority="68" w:unhideWhenUsed="0"/>
    <w:lsdException w:name="Medium Grid 3 Accent 2" w:semiHidden="0" w:uiPriority="69" w:unhideWhenUsed="0"/>
    <w:lsdException w:name="Dark List Accent 2" w:semiHidden="0" w:uiPriority="70" w:unhideWhenUsed="0"/>
    <w:lsdException w:name="Colorful Shading Accent 2" w:semiHidden="0" w:uiPriority="71" w:unhideWhenUsed="0"/>
    <w:lsdException w:name="Colorful List Accent 2" w:semiHidden="0" w:uiPriority="72" w:unhideWhenUsed="0"/>
    <w:lsdException w:name="Colorful Grid Accent 2" w:semiHidden="0" w:uiPriority="73" w:unhideWhenUsed="0"/>
    <w:lsdException w:name="Light Shading Accent 3" w:semiHidden="0" w:uiPriority="60" w:unhideWhenUsed="0"/>
    <w:lsdException w:name="Light List Accent 3" w:semiHidden="0" w:uiPriority="61" w:unhideWhenUsed="0"/>
    <w:lsdException w:name="Light Grid Accent 3" w:semiHidden="0" w:uiPriority="62" w:unhideWhenUsed="0"/>
    <w:lsdException w:name="Medium Shading 1 Accent 3" w:semiHidden="0" w:uiPriority="63" w:unhideWhenUsed="0"/>
    <w:lsdException w:name="Medium Shading 2 Accent 3" w:semiHidden="0" w:uiPriority="64" w:unhideWhenUsed="0"/>
    <w:lsdException w:name="Medium List 1 Accent 3" w:semiHidden="0" w:uiPriority="65" w:unhideWhenUsed="0"/>
    <w:lsdException w:name="Medium List 2 Accent 3" w:semiHidden="0" w:uiPriority="66" w:unhideWhenUsed="0"/>
    <w:lsdException w:name="Medium Grid 1 Accent 3" w:semiHidden="0" w:uiPriority="67" w:unhideWhenUsed="0"/>
    <w:lsdException w:name="Medium Grid 2 Accent 3" w:semiHidden="0" w:uiPriority="68" w:unhideWhenUsed="0"/>
    <w:lsdException w:name="Medium Grid 3 Accent 3" w:semiHidden="0" w:uiPriority="69" w:unhideWhenUsed="0"/>
    <w:lsdException w:name="Dark List Accent 3" w:semiHidden="0" w:uiPriority="70" w:unhideWhenUsed="0"/>
    <w:lsdException w:name="Colorful Shading Accent 3" w:semiHidden="0" w:uiPriority="71" w:unhideWhenUsed="0"/>
    <w:lsdException w:name="Colorful List Accent 3" w:semiHidden="0" w:uiPriority="72" w:unhideWhenUsed="0"/>
    <w:lsdException w:name="Colorful Grid Accent 3" w:semiHidden="0" w:uiPriority="73" w:unhideWhenUsed="0"/>
    <w:lsdException w:name="Light Shading Accent 4" w:semiHidden="0" w:uiPriority="60" w:unhideWhenUsed="0"/>
    <w:lsdException w:name="Light List Accent 4" w:semiHidden="0" w:uiPriority="61" w:unhideWhenUsed="0"/>
    <w:lsdException w:name="Light Grid Accent 4" w:semiHidden="0" w:uiPriority="62" w:unhideWhenUsed="0"/>
    <w:lsdException w:name="Medium Shading 1 Accent 4" w:semiHidden="0" w:uiPriority="63" w:unhideWhenUsed="0"/>
    <w:lsdException w:name="Medium Shading 2 Accent 4" w:semiHidden="0" w:uiPriority="64" w:unhideWhenUsed="0"/>
    <w:lsdException w:name="Medium List 1 Accent 4" w:semiHidden="0" w:uiPriority="65" w:unhideWhenUsed="0"/>
    <w:lsdException w:name="Medium List 2 Accent 4" w:semiHidden="0" w:uiPriority="66" w:unhideWhenUsed="0"/>
    <w:lsdException w:name="Medium Grid 1 Accent 4" w:semiHidden="0" w:uiPriority="67" w:unhideWhenUsed="0"/>
    <w:lsdException w:name="Medium Grid 2 Accent 4" w:semiHidden="0" w:uiPriority="68" w:unhideWhenUsed="0"/>
    <w:lsdException w:name="Medium Grid 3 Accent 4" w:semiHidden="0" w:uiPriority="69" w:unhideWhenUsed="0"/>
    <w:lsdException w:name="Dark List Accent 4" w:semiHidden="0" w:uiPriority="70" w:unhideWhenUsed="0"/>
    <w:lsdException w:name="Colorful Shading Accent 4" w:semiHidden="0" w:uiPriority="71" w:unhideWhenUsed="0"/>
    <w:lsdException w:name="Colorful List Accent 4" w:semiHidden="0" w:uiPriority="72" w:unhideWhenUsed="0"/>
    <w:lsdException w:name="Colorful Grid Accent 4" w:semiHidden="0" w:uiPriority="73" w:unhideWhenUsed="0"/>
    <w:lsdException w:name="Light Shading Accent 5" w:semiHidden="0" w:uiPriority="60" w:unhideWhenUsed="0"/>
    <w:lsdException w:name="Light List Accent 5" w:semiHidden="0" w:uiPriority="61" w:unhideWhenUsed="0"/>
    <w:lsdException w:name="Light Grid Accent 5" w:semiHidden="0" w:uiPriority="62" w:unhideWhenUsed="0"/>
    <w:lsdException w:name="Medium Shading 1 Accent 5" w:semiHidden="0" w:uiPriority="63" w:unhideWhenUsed="0"/>
    <w:lsdException w:name="Medium Shading 2 Accent 5" w:semiHidden="0" w:uiPriority="64" w:unhideWhenUsed="0"/>
    <w:lsdException w:name="Medium List 1 Accent 5" w:semiHidden="0" w:uiPriority="65" w:unhideWhenUsed="0"/>
    <w:lsdException w:name="Medium List 2 Accent 5" w:semiHidden="0" w:uiPriority="66" w:unhideWhenUsed="0"/>
    <w:lsdException w:name="Medium Grid 1 Accent 5" w:semiHidden="0" w:uiPriority="67" w:unhideWhenUsed="0"/>
    <w:lsdException w:name="Medium Grid 2 Accent 5" w:semiHidden="0" w:uiPriority="68" w:unhideWhenUsed="0"/>
    <w:lsdException w:name="Medium Grid 3 Accent 5" w:semiHidden="0" w:uiPriority="69" w:unhideWhenUsed="0"/>
    <w:lsdException w:name="Dark List Accent 5" w:semiHidden="0" w:uiPriority="70" w:unhideWhenUsed="0"/>
    <w:lsdException w:name="Colorful Shading Accent 5" w:semiHidden="0" w:uiPriority="71" w:unhideWhenUsed="0"/>
    <w:lsdException w:name="Colorful List Accent 5" w:semiHidden="0" w:uiPriority="72" w:unhideWhenUsed="0"/>
    <w:lsdException w:name="Colorful Grid Accent 5" w:semiHidden="0" w:uiPriority="73" w:unhideWhenUsed="0"/>
    <w:lsdException w:name="Light Shading Accent 6" w:semiHidden="0" w:uiPriority="60" w:unhideWhenUsed="0"/>
    <w:lsdException w:name="Light List Accent 6" w:semiHidden="0" w:uiPriority="61" w:unhideWhenUsed="0"/>
    <w:lsdException w:name="Light Grid Accent 6" w:semiHidden="0" w:uiPriority="62" w:unhideWhenUsed="0"/>
    <w:lsdException w:name="Medium Shading 1 Accent 6" w:semiHidden="0" w:uiPriority="63" w:unhideWhenUsed="0"/>
    <w:lsdException w:name="Medium Shading 2 Accent 6" w:semiHidden="0" w:uiPriority="64" w:unhideWhenUsed="0"/>
    <w:lsdException w:name="Medium List 1 Accent 6" w:semiHidden="0" w:uiPriority="65" w:unhideWhenUsed="0"/>
    <w:lsdException w:name="Medium List 2 Accent 6" w:semiHidden="0" w:uiPriority="66" w:unhideWhenUsed="0"/>
    <w:lsdException w:name="Medium Grid 1 Accent 6" w:semiHidden="0" w:uiPriority="67" w:unhideWhenUsed="0"/>
    <w:lsdException w:name="Medium Grid 2 Accent 6" w:semiHidden="0" w:uiPriority="68" w:unhideWhenUsed="0"/>
    <w:lsdException w:name="Medium Grid 3 Accent 6" w:semiHidden="0" w:uiPriority="69" w:unhideWhenUsed="0"/>
    <w:lsdException w:name="Dark List Accent 6" w:semiHidden="0" w:uiPriority="70" w:unhideWhenUsed="0"/>
    <w:lsdException w:name="Colorful Shading Accent 6" w:semiHidden="0" w:uiPriority="71" w:unhideWhenUsed="0"/>
    <w:lsdException w:name="Colorful List Accent 6" w:semiHidden="0" w:uiPriority="72" w:unhideWhenUsed="0"/>
    <w:lsdException w:name="Colorful Grid Accent 6" w:semiHidden="0" w:uiPriority="73" w:unhideWhenUsed="0"/>
    <w:lsdException w:name="Subtle Emphasis" w:semiHidden="0" w:uiPriority="19" w:unhideWhenUsed="0" w:qFormat="1"/>
    <w:lsdException w:name="Intense Emphasis" w:semiHidden="0" w:uiPriority="21" w:unhideWhenUsed="0" w:qFormat="1"/>
    <w:lsdException w:name="Subtle Reference" w:semiHidden="0" w:uiPriority="31" w:unhideWhenUsed="0" w:qFormat="1"/>
    <w:lsdException w:name="Intense Reference" w:semiHidden="0" w:uiPriority="32" w:unhideWhenUsed="0" w:qFormat="1"/>
    <w:lsdException w:name="Book Title" w:semiHidden="0" w:uiPriority="33" w:unhideWhenUsed="0" w:qFormat="1"/>
    <w:lsdException w:name="Bibliography" w:uiPriority="37"/>
    <w:lsdException w:name="TOC Heading" w:uiPriority="39" w:qFormat="1"/>
  </w:latentStyles>
  <w:style w:type="paragraph" w:default="1" w:styleId="Normal">
    <w:name w:val="Normal"/>
    <w:qFormat/>
    <w:rsid w:val="00011137"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A2415D"/>
    <w:pPr>
      <w:ind w:left="720"/>
      <w:contextualSpacing/>
    </w:pPr>
  </w:style>
  <w:style w:type="table" w:styleId="TableGrid">
    <w:name w:val="Table Grid"/>
    <w:basedOn w:val="TableNormal"/>
    <w:uiPriority w:val="59"/>
    <w:rsid w:val="00A2415D"/>
    <w:pPr>
      <w:spacing w:after="0" w:line="240" w:lineRule="auto"/>
    </w:pPr>
    <w:tblPr>
      <w:tblInd w:w="0" w:type="dxa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000000" w:themeColor="text1"/>
        <w:insideV w:val="single" w:sz="4" w:space="0" w:color="000000" w:themeColor="text1"/>
      </w:tblBorders>
      <w:tblCellMar>
        <w:top w:w="0" w:type="dxa"/>
        <w:left w:w="108" w:type="dxa"/>
        <w:bottom w:w="0" w:type="dxa"/>
        <w:right w:w="108" w:type="dxa"/>
      </w:tblCellMar>
    </w:tblPr>
  </w:style>
  <w:style w:type="paragraph" w:styleId="BalloonText">
    <w:name w:val="Balloon Text"/>
    <w:basedOn w:val="Normal"/>
    <w:link w:val="BalloonTextChar"/>
    <w:uiPriority w:val="99"/>
    <w:semiHidden/>
    <w:unhideWhenUsed/>
    <w:rsid w:val="0010345A"/>
    <w:pPr>
      <w:spacing w:after="0" w:line="240" w:lineRule="auto"/>
    </w:pPr>
    <w:rPr>
      <w:rFonts w:ascii="Tahoma" w:hAnsi="Tahoma" w:cs="Tahoma"/>
      <w:sz w:val="16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0345A"/>
    <w:rPr>
      <w:rFonts w:ascii="Tahoma" w:hAnsi="Tahoma" w:cs="Tahoma"/>
      <w:sz w:val="16"/>
      <w:szCs w:val="16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0345A"/>
    <w:pPr>
      <w:spacing w:after="0" w:line="240" w:lineRule="auto"/>
    </w:pPr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0345A"/>
    <w:rPr>
      <w:sz w:val="20"/>
      <w:szCs w:val="20"/>
    </w:rPr>
  </w:style>
  <w:style w:type="character" w:styleId="FootnoteReference">
    <w:name w:val="footnote reference"/>
    <w:basedOn w:val="DefaultParagraphFont"/>
    <w:uiPriority w:val="99"/>
    <w:semiHidden/>
    <w:unhideWhenUsed/>
    <w:rsid w:val="0010345A"/>
    <w:rPr>
      <w:vertAlign w:val="superscript"/>
    </w:rPr>
  </w:style>
</w:styles>
</file>

<file path=word/webSettings.xml><?xml version="1.0" encoding="utf-8"?>
<w:webSettings xmlns:r="http://schemas.openxmlformats.org/officeDocument/2006/relationships" xmlns:w="http://schemas.openxmlformats.org/wordprocessingml/2006/main">
  <w:divs>
    <w:div w:id="1985154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987274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513761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843788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569628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2.png"/><Relationship Id="rId3" Type="http://schemas.openxmlformats.org/officeDocument/2006/relationships/settings" Target="settings.xml"/><Relationship Id="rId7" Type="http://schemas.openxmlformats.org/officeDocument/2006/relationships/image" Target="media/image1.png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10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fontTable" Target="fontTable.xm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19</TotalTime>
  <Pages>37</Pages>
  <Words>12858</Words>
  <Characters>73292</Characters>
  <Application>Microsoft Office Word</Application>
  <DocSecurity>0</DocSecurity>
  <Lines>610</Lines>
  <Paragraphs>17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eftones</Company>
  <LinksUpToDate>false</LinksUpToDate>
  <CharactersWithSpaces>85979</CharactersWithSpaces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ADAM01</dc:creator>
  <cp:keywords/>
  <dc:description/>
  <cp:lastModifiedBy>ADAM01</cp:lastModifiedBy>
  <cp:revision>4</cp:revision>
  <dcterms:created xsi:type="dcterms:W3CDTF">2016-04-01T09:00:00Z</dcterms:created>
  <dcterms:modified xsi:type="dcterms:W3CDTF">2016-04-01T19:22:00Z</dcterms:modified>
</cp:coreProperties>
</file>